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53" r:id="rId6"/>
    <p:sldMasterId id="2147483788" r:id="rId7"/>
  </p:sldMasterIdLst>
  <p:notesMasterIdLst>
    <p:notesMasterId r:id="rId30"/>
  </p:notesMasterIdLst>
  <p:handoutMasterIdLst>
    <p:handoutMasterId r:id="rId31"/>
  </p:handoutMasterIdLst>
  <p:sldIdLst>
    <p:sldId id="856" r:id="rId8"/>
    <p:sldId id="866" r:id="rId9"/>
    <p:sldId id="871" r:id="rId10"/>
    <p:sldId id="872" r:id="rId11"/>
    <p:sldId id="858" r:id="rId12"/>
    <p:sldId id="863" r:id="rId13"/>
    <p:sldId id="861" r:id="rId14"/>
    <p:sldId id="859" r:id="rId15"/>
    <p:sldId id="864" r:id="rId16"/>
    <p:sldId id="860" r:id="rId17"/>
    <p:sldId id="865" r:id="rId18"/>
    <p:sldId id="873" r:id="rId19"/>
    <p:sldId id="867" r:id="rId20"/>
    <p:sldId id="857" r:id="rId21"/>
    <p:sldId id="868" r:id="rId22"/>
    <p:sldId id="874" r:id="rId23"/>
    <p:sldId id="875" r:id="rId24"/>
    <p:sldId id="869" r:id="rId25"/>
    <p:sldId id="876" r:id="rId26"/>
    <p:sldId id="855" r:id="rId27"/>
    <p:sldId id="870" r:id="rId28"/>
    <p:sldId id="877" r:id="rId29"/>
  </p:sldIdLst>
  <p:sldSz cx="12192000" cy="6858000"/>
  <p:notesSz cx="6858000" cy="9144000"/>
  <p:defaultTextStyle>
    <a:defPPr>
      <a:defRPr lang="nb-NO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B5A5A2"/>
    <a:srgbClr val="C7BDB7"/>
    <a:srgbClr val="E8E3E3"/>
    <a:srgbClr val="4D5154"/>
    <a:srgbClr val="E98B27"/>
    <a:srgbClr val="272E34"/>
    <a:srgbClr val="EA8C27"/>
    <a:srgbClr val="FF8D0F"/>
    <a:srgbClr val="F8992E"/>
    <a:srgbClr val="EEA53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C0CAB17-E00C-4E65-A428-44074CC00DC4}" v="8" dt="2024-04-10T10:56:41.91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iddels stil 2 – uthev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iddels stil 2 – utheving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00A15C55-8517-42AA-B614-E9B94910E393}" styleName="Middels stil 2 – utheving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2D5ABB26-0587-4C30-8999-92F81FD0307C}" styleName="Ingen stil, ingen rutenett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8EC20E35-A176-4012-BC5E-935CFFF8708E}" styleName="Medium Style 3">
    <a:wholeTbl>
      <a:tcTxStyle>
        <a:fontRef idx="minor"/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74C1A8A3-306A-4EB7-A6B1-4F7E0EB9C5D6}" styleName="Medium Style 3 - Accent 5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EB344D84-9AFB-497E-A393-DC336BA19D2E}" styleName="Medium Style 3 - Accent 3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accent3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21" autoAdjust="0"/>
    <p:restoredTop sz="96327"/>
  </p:normalViewPr>
  <p:slideViewPr>
    <p:cSldViewPr snapToGrid="0">
      <p:cViewPr varScale="1">
        <p:scale>
          <a:sx n="123" d="100"/>
          <a:sy n="123" d="100"/>
        </p:scale>
        <p:origin x="108" y="18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168" d="100"/>
          <a:sy n="168" d="100"/>
        </p:scale>
        <p:origin x="4376" y="26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21" Type="http://schemas.openxmlformats.org/officeDocument/2006/relationships/slide" Target="slides/slide14.xml"/><Relationship Id="rId34" Type="http://schemas.openxmlformats.org/officeDocument/2006/relationships/theme" Target="theme/theme1.xml"/><Relationship Id="rId7" Type="http://schemas.openxmlformats.org/officeDocument/2006/relationships/slideMaster" Target="slideMasters/slideMaster2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presProps" Target="presProps.xml"/><Relationship Id="rId37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microsoft.com/office/2016/11/relationships/changesInfo" Target="changesInfos/changesInfo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notesMaster" Target="notesMasters/notesMaster1.xml"/><Relationship Id="rId35" Type="http://schemas.openxmlformats.org/officeDocument/2006/relationships/tableStyles" Target="tableStyles.xml"/><Relationship Id="rId8" Type="http://schemas.openxmlformats.org/officeDocument/2006/relationships/slide" Target="slides/slide1.xml"/><Relationship Id="rId3" Type="http://schemas.openxmlformats.org/officeDocument/2006/relationships/customXml" Target="../customXml/item3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Kevin Sanouiller" userId="ee302619-e730-4233-bddb-b63758559c3b" providerId="ADAL" clId="{5C0CAB17-E00C-4E65-A428-44074CC00DC4}"/>
    <pc:docChg chg="undo custSel addSld delSld modSld sldOrd">
      <pc:chgData name="Kevin Sanouiller" userId="ee302619-e730-4233-bddb-b63758559c3b" providerId="ADAL" clId="{5C0CAB17-E00C-4E65-A428-44074CC00DC4}" dt="2024-04-10T15:31:52.868" v="820" actId="6549"/>
      <pc:docMkLst>
        <pc:docMk/>
      </pc:docMkLst>
      <pc:sldChg chg="addSp delSp modSp add mod modClrScheme chgLayout">
        <pc:chgData name="Kevin Sanouiller" userId="ee302619-e730-4233-bddb-b63758559c3b" providerId="ADAL" clId="{5C0CAB17-E00C-4E65-A428-44074CC00DC4}" dt="2024-04-10T10:56:42.752" v="818" actId="21"/>
        <pc:sldMkLst>
          <pc:docMk/>
          <pc:sldMk cId="4055526186" sldId="855"/>
        </pc:sldMkLst>
        <pc:spChg chg="add del mod ord">
          <ac:chgData name="Kevin Sanouiller" userId="ee302619-e730-4233-bddb-b63758559c3b" providerId="ADAL" clId="{5C0CAB17-E00C-4E65-A428-44074CC00DC4}" dt="2024-04-10T10:56:42.752" v="818" actId="21"/>
          <ac:spMkLst>
            <pc:docMk/>
            <pc:sldMk cId="4055526186" sldId="855"/>
            <ac:spMk id="3" creationId="{9DBE3EEE-47BD-710A-C5FA-D3B65BC1018E}"/>
          </ac:spMkLst>
        </pc:spChg>
        <pc:spChg chg="add del mod ord">
          <ac:chgData name="Kevin Sanouiller" userId="ee302619-e730-4233-bddb-b63758559c3b" providerId="ADAL" clId="{5C0CAB17-E00C-4E65-A428-44074CC00DC4}" dt="2024-04-10T10:56:42.277" v="817" actId="700"/>
          <ac:spMkLst>
            <pc:docMk/>
            <pc:sldMk cId="4055526186" sldId="855"/>
            <ac:spMk id="4" creationId="{3202EA05-B238-BF38-3F62-FC803DBF0412}"/>
          </ac:spMkLst>
        </pc:spChg>
        <pc:spChg chg="mod ord">
          <ac:chgData name="Kevin Sanouiller" userId="ee302619-e730-4233-bddb-b63758559c3b" providerId="ADAL" clId="{5C0CAB17-E00C-4E65-A428-44074CC00DC4}" dt="2024-04-10T10:56:42.277" v="817" actId="700"/>
          <ac:spMkLst>
            <pc:docMk/>
            <pc:sldMk cId="4055526186" sldId="855"/>
            <ac:spMk id="11" creationId="{87ABBF37-C9F0-C929-CC12-2842B83F8CC9}"/>
          </ac:spMkLst>
        </pc:spChg>
        <pc:spChg chg="mod ord">
          <ac:chgData name="Kevin Sanouiller" userId="ee302619-e730-4233-bddb-b63758559c3b" providerId="ADAL" clId="{5C0CAB17-E00C-4E65-A428-44074CC00DC4}" dt="2024-04-10T10:56:42.277" v="817" actId="700"/>
          <ac:spMkLst>
            <pc:docMk/>
            <pc:sldMk cId="4055526186" sldId="855"/>
            <ac:spMk id="15" creationId="{1CCDBBDA-375D-FB3A-83F4-C8418748A327}"/>
          </ac:spMkLst>
        </pc:spChg>
        <pc:picChg chg="add mod modCrop">
          <ac:chgData name="Kevin Sanouiller" userId="ee302619-e730-4233-bddb-b63758559c3b" providerId="ADAL" clId="{5C0CAB17-E00C-4E65-A428-44074CC00DC4}" dt="2024-04-10T10:56:41.913" v="816"/>
          <ac:picMkLst>
            <pc:docMk/>
            <pc:sldMk cId="4055526186" sldId="855"/>
            <ac:picMk id="5" creationId="{F8EB58FB-A13E-245A-7BCB-19C423A446B8}"/>
          </ac:picMkLst>
        </pc:picChg>
        <pc:picChg chg="add mod modCrop">
          <ac:chgData name="Kevin Sanouiller" userId="ee302619-e730-4233-bddb-b63758559c3b" providerId="ADAL" clId="{5C0CAB17-E00C-4E65-A428-44074CC00DC4}" dt="2024-04-10T10:55:58.409" v="808"/>
          <ac:picMkLst>
            <pc:docMk/>
            <pc:sldMk cId="4055526186" sldId="855"/>
            <ac:picMk id="6" creationId="{92DA9E75-5F0B-803B-459F-C63B90A33295}"/>
          </ac:picMkLst>
        </pc:picChg>
        <pc:picChg chg="add del mod modCrop">
          <ac:chgData name="Kevin Sanouiller" userId="ee302619-e730-4233-bddb-b63758559c3b" providerId="ADAL" clId="{5C0CAB17-E00C-4E65-A428-44074CC00DC4}" dt="2024-04-10T10:56:42.752" v="818" actId="21"/>
          <ac:picMkLst>
            <pc:docMk/>
            <pc:sldMk cId="4055526186" sldId="855"/>
            <ac:picMk id="8" creationId="{F8EB58FB-A13E-245A-7BCB-19C423A446B8}"/>
          </ac:picMkLst>
        </pc:picChg>
      </pc:sldChg>
      <pc:sldChg chg="modSp add mod ord">
        <pc:chgData name="Kevin Sanouiller" userId="ee302619-e730-4233-bddb-b63758559c3b" providerId="ADAL" clId="{5C0CAB17-E00C-4E65-A428-44074CC00DC4}" dt="2024-04-10T10:47:33.460" v="475" actId="20577"/>
        <pc:sldMkLst>
          <pc:docMk/>
          <pc:sldMk cId="1998187922" sldId="856"/>
        </pc:sldMkLst>
        <pc:spChg chg="mod">
          <ac:chgData name="Kevin Sanouiller" userId="ee302619-e730-4233-bddb-b63758559c3b" providerId="ADAL" clId="{5C0CAB17-E00C-4E65-A428-44074CC00DC4}" dt="2024-04-10T10:47:33.460" v="475" actId="20577"/>
          <ac:spMkLst>
            <pc:docMk/>
            <pc:sldMk cId="1998187922" sldId="856"/>
            <ac:spMk id="5" creationId="{CFA4D022-8F63-DCEC-2D4F-32CE7926E6E8}"/>
          </ac:spMkLst>
        </pc:spChg>
      </pc:sldChg>
      <pc:sldChg chg="addSp delSp modSp mod modClrScheme chgLayout">
        <pc:chgData name="Kevin Sanouiller" userId="ee302619-e730-4233-bddb-b63758559c3b" providerId="ADAL" clId="{5C0CAB17-E00C-4E65-A428-44074CC00DC4}" dt="2024-04-10T15:31:52.868" v="820" actId="6549"/>
        <pc:sldMkLst>
          <pc:docMk/>
          <pc:sldMk cId="1973153878" sldId="866"/>
        </pc:sldMkLst>
        <pc:spChg chg="mod ord">
          <ac:chgData name="Kevin Sanouiller" userId="ee302619-e730-4233-bddb-b63758559c3b" providerId="ADAL" clId="{5C0CAB17-E00C-4E65-A428-44074CC00DC4}" dt="2024-04-10T10:42:38.450" v="441" actId="700"/>
          <ac:spMkLst>
            <pc:docMk/>
            <pc:sldMk cId="1973153878" sldId="866"/>
            <ac:spMk id="2" creationId="{A7D6992D-B23B-00BB-E5A8-212AFE39FB81}"/>
          </ac:spMkLst>
        </pc:spChg>
        <pc:spChg chg="mod ord">
          <ac:chgData name="Kevin Sanouiller" userId="ee302619-e730-4233-bddb-b63758559c3b" providerId="ADAL" clId="{5C0CAB17-E00C-4E65-A428-44074CC00DC4}" dt="2024-04-10T15:31:52.868" v="820" actId="6549"/>
          <ac:spMkLst>
            <pc:docMk/>
            <pc:sldMk cId="1973153878" sldId="866"/>
            <ac:spMk id="3" creationId="{7E33C6A8-FDFF-A380-84A5-3EEDA0AA2C74}"/>
          </ac:spMkLst>
        </pc:spChg>
        <pc:spChg chg="add del mod ord">
          <ac:chgData name="Kevin Sanouiller" userId="ee302619-e730-4233-bddb-b63758559c3b" providerId="ADAL" clId="{5C0CAB17-E00C-4E65-A428-44074CC00DC4}" dt="2024-04-10T10:42:34.693" v="440" actId="478"/>
          <ac:spMkLst>
            <pc:docMk/>
            <pc:sldMk cId="1973153878" sldId="866"/>
            <ac:spMk id="4" creationId="{5EA0616A-82BC-B545-C0BE-8AFCDA11B9B5}"/>
          </ac:spMkLst>
        </pc:spChg>
        <pc:spChg chg="add del mod">
          <ac:chgData name="Kevin Sanouiller" userId="ee302619-e730-4233-bddb-b63758559c3b" providerId="ADAL" clId="{5C0CAB17-E00C-4E65-A428-44074CC00DC4}" dt="2024-04-10T10:42:38.450" v="441" actId="700"/>
          <ac:spMkLst>
            <pc:docMk/>
            <pc:sldMk cId="1973153878" sldId="866"/>
            <ac:spMk id="6" creationId="{68B00249-9F72-F47A-AE9A-7ED18864E226}"/>
          </ac:spMkLst>
        </pc:spChg>
      </pc:sldChg>
      <pc:sldChg chg="modSp mod">
        <pc:chgData name="Kevin Sanouiller" userId="ee302619-e730-4233-bddb-b63758559c3b" providerId="ADAL" clId="{5C0CAB17-E00C-4E65-A428-44074CC00DC4}" dt="2024-04-10T10:52:10.620" v="674" actId="20577"/>
        <pc:sldMkLst>
          <pc:docMk/>
          <pc:sldMk cId="3966211973" sldId="867"/>
        </pc:sldMkLst>
        <pc:spChg chg="mod">
          <ac:chgData name="Kevin Sanouiller" userId="ee302619-e730-4233-bddb-b63758559c3b" providerId="ADAL" clId="{5C0CAB17-E00C-4E65-A428-44074CC00DC4}" dt="2024-04-10T10:52:10.620" v="674" actId="20577"/>
          <ac:spMkLst>
            <pc:docMk/>
            <pc:sldMk cId="3966211973" sldId="867"/>
            <ac:spMk id="2" creationId="{AA1DB60A-14AA-BC5F-2056-85078D0C7011}"/>
          </ac:spMkLst>
        </pc:spChg>
      </pc:sldChg>
      <pc:sldChg chg="new del">
        <pc:chgData name="Kevin Sanouiller" userId="ee302619-e730-4233-bddb-b63758559c3b" providerId="ADAL" clId="{5C0CAB17-E00C-4E65-A428-44074CC00DC4}" dt="2024-04-10T10:47:26.263" v="466" actId="47"/>
        <pc:sldMkLst>
          <pc:docMk/>
          <pc:sldMk cId="3124591253" sldId="870"/>
        </pc:sldMkLst>
      </pc:sldChg>
      <pc:sldChg chg="add">
        <pc:chgData name="Kevin Sanouiller" userId="ee302619-e730-4233-bddb-b63758559c3b" providerId="ADAL" clId="{5C0CAB17-E00C-4E65-A428-44074CC00DC4}" dt="2024-04-10T10:48:37.277" v="476"/>
        <pc:sldMkLst>
          <pc:docMk/>
          <pc:sldMk cId="3219984400" sldId="870"/>
        </pc:sldMkLst>
      </pc:sldChg>
      <pc:sldChg chg="addSp delSp modSp new mod chgLayout">
        <pc:chgData name="Kevin Sanouiller" userId="ee302619-e730-4233-bddb-b63758559c3b" providerId="ADAL" clId="{5C0CAB17-E00C-4E65-A428-44074CC00DC4}" dt="2024-04-10T10:48:57.424" v="499" actId="20577"/>
        <pc:sldMkLst>
          <pc:docMk/>
          <pc:sldMk cId="2159212488" sldId="871"/>
        </pc:sldMkLst>
        <pc:spChg chg="del mod ord">
          <ac:chgData name="Kevin Sanouiller" userId="ee302619-e730-4233-bddb-b63758559c3b" providerId="ADAL" clId="{5C0CAB17-E00C-4E65-A428-44074CC00DC4}" dt="2024-04-10T10:48:50.451" v="478" actId="700"/>
          <ac:spMkLst>
            <pc:docMk/>
            <pc:sldMk cId="2159212488" sldId="871"/>
            <ac:spMk id="2" creationId="{66CADF41-432F-D039-6A9D-0BF9AAA23A89}"/>
          </ac:spMkLst>
        </pc:spChg>
        <pc:spChg chg="del">
          <ac:chgData name="Kevin Sanouiller" userId="ee302619-e730-4233-bddb-b63758559c3b" providerId="ADAL" clId="{5C0CAB17-E00C-4E65-A428-44074CC00DC4}" dt="2024-04-10T10:48:50.451" v="478" actId="700"/>
          <ac:spMkLst>
            <pc:docMk/>
            <pc:sldMk cId="2159212488" sldId="871"/>
            <ac:spMk id="3" creationId="{1EBDEE6A-0325-F34D-E792-32583F0788F6}"/>
          </ac:spMkLst>
        </pc:spChg>
        <pc:spChg chg="add mod ord">
          <ac:chgData name="Kevin Sanouiller" userId="ee302619-e730-4233-bddb-b63758559c3b" providerId="ADAL" clId="{5C0CAB17-E00C-4E65-A428-44074CC00DC4}" dt="2024-04-10T10:48:57.424" v="499" actId="20577"/>
          <ac:spMkLst>
            <pc:docMk/>
            <pc:sldMk cId="2159212488" sldId="871"/>
            <ac:spMk id="4" creationId="{75A78F21-81EB-22AB-DAC8-C25870552D73}"/>
          </ac:spMkLst>
        </pc:spChg>
      </pc:sldChg>
      <pc:sldChg chg="modSp add mod">
        <pc:chgData name="Kevin Sanouiller" userId="ee302619-e730-4233-bddb-b63758559c3b" providerId="ADAL" clId="{5C0CAB17-E00C-4E65-A428-44074CC00DC4}" dt="2024-04-10T10:50:04.543" v="586" actId="20577"/>
        <pc:sldMkLst>
          <pc:docMk/>
          <pc:sldMk cId="591520625" sldId="872"/>
        </pc:sldMkLst>
        <pc:spChg chg="mod">
          <ac:chgData name="Kevin Sanouiller" userId="ee302619-e730-4233-bddb-b63758559c3b" providerId="ADAL" clId="{5C0CAB17-E00C-4E65-A428-44074CC00DC4}" dt="2024-04-10T10:50:04.543" v="586" actId="20577"/>
          <ac:spMkLst>
            <pc:docMk/>
            <pc:sldMk cId="591520625" sldId="872"/>
            <ac:spMk id="4" creationId="{75A78F21-81EB-22AB-DAC8-C25870552D73}"/>
          </ac:spMkLst>
        </pc:spChg>
      </pc:sldChg>
      <pc:sldChg chg="addSp delSp modSp new mod chgLayout">
        <pc:chgData name="Kevin Sanouiller" userId="ee302619-e730-4233-bddb-b63758559c3b" providerId="ADAL" clId="{5C0CAB17-E00C-4E65-A428-44074CC00DC4}" dt="2024-04-10T10:52:28.353" v="694" actId="20577"/>
        <pc:sldMkLst>
          <pc:docMk/>
          <pc:sldMk cId="877193919" sldId="873"/>
        </pc:sldMkLst>
        <pc:spChg chg="del mod ord">
          <ac:chgData name="Kevin Sanouiller" userId="ee302619-e730-4233-bddb-b63758559c3b" providerId="ADAL" clId="{5C0CAB17-E00C-4E65-A428-44074CC00DC4}" dt="2024-04-10T10:50:45.556" v="588" actId="700"/>
          <ac:spMkLst>
            <pc:docMk/>
            <pc:sldMk cId="877193919" sldId="873"/>
            <ac:spMk id="2" creationId="{8CA735AA-77B7-3711-74C2-AE3A9016BE58}"/>
          </ac:spMkLst>
        </pc:spChg>
        <pc:spChg chg="del">
          <ac:chgData name="Kevin Sanouiller" userId="ee302619-e730-4233-bddb-b63758559c3b" providerId="ADAL" clId="{5C0CAB17-E00C-4E65-A428-44074CC00DC4}" dt="2024-04-10T10:50:45.556" v="588" actId="700"/>
          <ac:spMkLst>
            <pc:docMk/>
            <pc:sldMk cId="877193919" sldId="873"/>
            <ac:spMk id="3" creationId="{0D160864-AA3E-3B4A-5880-0BA8FD85EE3E}"/>
          </ac:spMkLst>
        </pc:spChg>
        <pc:spChg chg="add mod ord">
          <ac:chgData name="Kevin Sanouiller" userId="ee302619-e730-4233-bddb-b63758559c3b" providerId="ADAL" clId="{5C0CAB17-E00C-4E65-A428-44074CC00DC4}" dt="2024-04-10T10:52:28.353" v="694" actId="20577"/>
          <ac:spMkLst>
            <pc:docMk/>
            <pc:sldMk cId="877193919" sldId="873"/>
            <ac:spMk id="4" creationId="{528B39CC-29CE-E885-5976-2AC108F8A3F3}"/>
          </ac:spMkLst>
        </pc:spChg>
      </pc:sldChg>
      <pc:sldChg chg="addSp delSp modSp new mod chgLayout">
        <pc:chgData name="Kevin Sanouiller" userId="ee302619-e730-4233-bddb-b63758559c3b" providerId="ADAL" clId="{5C0CAB17-E00C-4E65-A428-44074CC00DC4}" dt="2024-04-10T10:53:14.349" v="724" actId="20577"/>
        <pc:sldMkLst>
          <pc:docMk/>
          <pc:sldMk cId="4207594822" sldId="874"/>
        </pc:sldMkLst>
        <pc:spChg chg="del">
          <ac:chgData name="Kevin Sanouiller" userId="ee302619-e730-4233-bddb-b63758559c3b" providerId="ADAL" clId="{5C0CAB17-E00C-4E65-A428-44074CC00DC4}" dt="2024-04-10T10:53:07.062" v="696" actId="700"/>
          <ac:spMkLst>
            <pc:docMk/>
            <pc:sldMk cId="4207594822" sldId="874"/>
            <ac:spMk id="2" creationId="{7A924FF8-4F67-F699-361C-8DD2557F8DBE}"/>
          </ac:spMkLst>
        </pc:spChg>
        <pc:spChg chg="del">
          <ac:chgData name="Kevin Sanouiller" userId="ee302619-e730-4233-bddb-b63758559c3b" providerId="ADAL" clId="{5C0CAB17-E00C-4E65-A428-44074CC00DC4}" dt="2024-04-10T10:53:07.062" v="696" actId="700"/>
          <ac:spMkLst>
            <pc:docMk/>
            <pc:sldMk cId="4207594822" sldId="874"/>
            <ac:spMk id="3" creationId="{1D4D3FFA-C46C-68D8-F8C0-9ADF741B415E}"/>
          </ac:spMkLst>
        </pc:spChg>
        <pc:spChg chg="del mod ord">
          <ac:chgData name="Kevin Sanouiller" userId="ee302619-e730-4233-bddb-b63758559c3b" providerId="ADAL" clId="{5C0CAB17-E00C-4E65-A428-44074CC00DC4}" dt="2024-04-10T10:53:07.062" v="696" actId="700"/>
          <ac:spMkLst>
            <pc:docMk/>
            <pc:sldMk cId="4207594822" sldId="874"/>
            <ac:spMk id="4" creationId="{0D67B422-3279-4F5C-8C28-FA0A62AB0285}"/>
          </ac:spMkLst>
        </pc:spChg>
        <pc:spChg chg="add mod ord">
          <ac:chgData name="Kevin Sanouiller" userId="ee302619-e730-4233-bddb-b63758559c3b" providerId="ADAL" clId="{5C0CAB17-E00C-4E65-A428-44074CC00DC4}" dt="2024-04-10T10:53:14.349" v="724" actId="20577"/>
          <ac:spMkLst>
            <pc:docMk/>
            <pc:sldMk cId="4207594822" sldId="874"/>
            <ac:spMk id="5" creationId="{9D1A4E06-8D4A-BB41-5728-346982E53BEE}"/>
          </ac:spMkLst>
        </pc:spChg>
      </pc:sldChg>
      <pc:sldChg chg="modSp add mod">
        <pc:chgData name="Kevin Sanouiller" userId="ee302619-e730-4233-bddb-b63758559c3b" providerId="ADAL" clId="{5C0CAB17-E00C-4E65-A428-44074CC00DC4}" dt="2024-04-10T10:53:29.753" v="737" actId="20577"/>
        <pc:sldMkLst>
          <pc:docMk/>
          <pc:sldMk cId="4273982006" sldId="875"/>
        </pc:sldMkLst>
        <pc:spChg chg="mod">
          <ac:chgData name="Kevin Sanouiller" userId="ee302619-e730-4233-bddb-b63758559c3b" providerId="ADAL" clId="{5C0CAB17-E00C-4E65-A428-44074CC00DC4}" dt="2024-04-10T10:53:29.753" v="737" actId="20577"/>
          <ac:spMkLst>
            <pc:docMk/>
            <pc:sldMk cId="4273982006" sldId="875"/>
            <ac:spMk id="5" creationId="{9D1A4E06-8D4A-BB41-5728-346982E53BEE}"/>
          </ac:spMkLst>
        </pc:spChg>
      </pc:sldChg>
      <pc:sldChg chg="addSp delSp modSp new mod chgLayout">
        <pc:chgData name="Kevin Sanouiller" userId="ee302619-e730-4233-bddb-b63758559c3b" providerId="ADAL" clId="{5C0CAB17-E00C-4E65-A428-44074CC00DC4}" dt="2024-04-10T10:53:54.803" v="756" actId="20577"/>
        <pc:sldMkLst>
          <pc:docMk/>
          <pc:sldMk cId="1642505418" sldId="876"/>
        </pc:sldMkLst>
        <pc:spChg chg="del mod ord">
          <ac:chgData name="Kevin Sanouiller" userId="ee302619-e730-4233-bddb-b63758559c3b" providerId="ADAL" clId="{5C0CAB17-E00C-4E65-A428-44074CC00DC4}" dt="2024-04-10T10:53:47.976" v="739" actId="700"/>
          <ac:spMkLst>
            <pc:docMk/>
            <pc:sldMk cId="1642505418" sldId="876"/>
            <ac:spMk id="2" creationId="{FB2FE5AB-BDD0-18E2-B0AE-3169161C9739}"/>
          </ac:spMkLst>
        </pc:spChg>
        <pc:spChg chg="del">
          <ac:chgData name="Kevin Sanouiller" userId="ee302619-e730-4233-bddb-b63758559c3b" providerId="ADAL" clId="{5C0CAB17-E00C-4E65-A428-44074CC00DC4}" dt="2024-04-10T10:53:47.976" v="739" actId="700"/>
          <ac:spMkLst>
            <pc:docMk/>
            <pc:sldMk cId="1642505418" sldId="876"/>
            <ac:spMk id="3" creationId="{4D69BBEC-9B40-26A1-9C64-02C7442908FA}"/>
          </ac:spMkLst>
        </pc:spChg>
        <pc:spChg chg="add mod ord">
          <ac:chgData name="Kevin Sanouiller" userId="ee302619-e730-4233-bddb-b63758559c3b" providerId="ADAL" clId="{5C0CAB17-E00C-4E65-A428-44074CC00DC4}" dt="2024-04-10T10:53:54.803" v="756" actId="20577"/>
          <ac:spMkLst>
            <pc:docMk/>
            <pc:sldMk cId="1642505418" sldId="876"/>
            <ac:spMk id="4" creationId="{EDE9680B-1511-0849-9D02-DE65A3F7E6FC}"/>
          </ac:spMkLst>
        </pc:spChg>
      </pc:sldChg>
      <pc:sldChg chg="addSp delSp modSp new mod chgLayout">
        <pc:chgData name="Kevin Sanouiller" userId="ee302619-e730-4233-bddb-b63758559c3b" providerId="ADAL" clId="{5C0CAB17-E00C-4E65-A428-44074CC00DC4}" dt="2024-04-10T10:54:13.679" v="792" actId="20577"/>
        <pc:sldMkLst>
          <pc:docMk/>
          <pc:sldMk cId="152996232" sldId="877"/>
        </pc:sldMkLst>
        <pc:spChg chg="del mod ord">
          <ac:chgData name="Kevin Sanouiller" userId="ee302619-e730-4233-bddb-b63758559c3b" providerId="ADAL" clId="{5C0CAB17-E00C-4E65-A428-44074CC00DC4}" dt="2024-04-10T10:54:02.168" v="758" actId="700"/>
          <ac:spMkLst>
            <pc:docMk/>
            <pc:sldMk cId="152996232" sldId="877"/>
            <ac:spMk id="2" creationId="{5E3B3577-C15D-BDE5-D3D2-603B7A53785A}"/>
          </ac:spMkLst>
        </pc:spChg>
        <pc:spChg chg="del">
          <ac:chgData name="Kevin Sanouiller" userId="ee302619-e730-4233-bddb-b63758559c3b" providerId="ADAL" clId="{5C0CAB17-E00C-4E65-A428-44074CC00DC4}" dt="2024-04-10T10:54:02.168" v="758" actId="700"/>
          <ac:spMkLst>
            <pc:docMk/>
            <pc:sldMk cId="152996232" sldId="877"/>
            <ac:spMk id="3" creationId="{E64F4D9B-3085-1B07-F1B3-4C8561C3AD5B}"/>
          </ac:spMkLst>
        </pc:spChg>
        <pc:spChg chg="add mod ord">
          <ac:chgData name="Kevin Sanouiller" userId="ee302619-e730-4233-bddb-b63758559c3b" providerId="ADAL" clId="{5C0CAB17-E00C-4E65-A428-44074CC00DC4}" dt="2024-04-10T10:54:13.679" v="792" actId="20577"/>
          <ac:spMkLst>
            <pc:docMk/>
            <pc:sldMk cId="152996232" sldId="877"/>
            <ac:spMk id="4" creationId="{B9033BD1-5D79-8220-4F14-16F5BC2F48F4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opptekst 1">
            <a:extLst>
              <a:ext uri="{FF2B5EF4-FFF2-40B4-BE49-F238E27FC236}">
                <a16:creationId xmlns:a16="http://schemas.microsoft.com/office/drawing/2014/main" id="{32BD2FCB-B698-0747-84C6-12515052DDBB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1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Plassholder for dato 2">
            <a:extLst>
              <a:ext uri="{FF2B5EF4-FFF2-40B4-BE49-F238E27FC236}">
                <a16:creationId xmlns:a16="http://schemas.microsoft.com/office/drawing/2014/main" id="{608E1855-192A-D3E0-75F5-F55FBBA5A4A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1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A83C12FF-7573-8C41-9EF4-73F89A40CD1A}" type="datetimeFigureOut">
              <a:rPr lang="nb-NO" smtClean="0"/>
              <a:t>09.04.2024</a:t>
            </a:fld>
            <a:endParaRPr lang="nb-NO"/>
          </a:p>
        </p:txBody>
      </p:sp>
      <p:sp>
        <p:nvSpPr>
          <p:cNvPr id="4" name="Plassholder for bunntekst 3">
            <a:extLst>
              <a:ext uri="{FF2B5EF4-FFF2-40B4-BE49-F238E27FC236}">
                <a16:creationId xmlns:a16="http://schemas.microsoft.com/office/drawing/2014/main" id="{4C97F658-75F6-7B7E-00EC-54EAE2DF4882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61F96837-E34F-E356-59D5-4564EDFC1A2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FF2762E-8F8F-1F42-A3C9-9D9F514B0A5B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466665030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opptekst 1"/>
          <p:cNvSpPr>
            <a:spLocks noGrp="1"/>
          </p:cNvSpPr>
          <p:nvPr>
            <p:ph type="hdr" sz="quarter"/>
          </p:nvPr>
        </p:nvSpPr>
        <p:spPr>
          <a:xfrm>
            <a:off x="0" y="1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Plassholder for dato 2"/>
          <p:cNvSpPr>
            <a:spLocks noGrp="1"/>
          </p:cNvSpPr>
          <p:nvPr>
            <p:ph type="dt" idx="1"/>
          </p:nvPr>
        </p:nvSpPr>
        <p:spPr>
          <a:xfrm>
            <a:off x="3884613" y="1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B1D4F78-F281-8042-AD85-C84EAD80BF7D}" type="datetimeFigureOut">
              <a:rPr lang="nb-NO" smtClean="0"/>
              <a:t>09.04.2024</a:t>
            </a:fld>
            <a:endParaRPr lang="nb-NO"/>
          </a:p>
        </p:txBody>
      </p:sp>
      <p:sp>
        <p:nvSpPr>
          <p:cNvPr id="4" name="Plassholder for lysbil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b-NO"/>
          </a:p>
        </p:txBody>
      </p:sp>
      <p:sp>
        <p:nvSpPr>
          <p:cNvPr id="5" name="Plassholder for notater 4"/>
          <p:cNvSpPr>
            <a:spLocks noGrp="1"/>
          </p:cNvSpPr>
          <p:nvPr>
            <p:ph type="body" sz="quarter" idx="3"/>
          </p:nvPr>
        </p:nvSpPr>
        <p:spPr>
          <a:xfrm>
            <a:off x="685800" y="4400549"/>
            <a:ext cx="5486400" cy="3600451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sp>
        <p:nvSpPr>
          <p:cNvPr id="6" name="Plassholder for bunn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7" name="Plassholder for lysbil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041E118F-A4EB-D54B-BED6-A62AD6EB128C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93819305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8199" y="1360903"/>
            <a:ext cx="4864022" cy="2387600"/>
          </a:xfrm>
        </p:spPr>
        <p:txBody>
          <a:bodyPr anchor="b">
            <a:normAutofit/>
          </a:bodyPr>
          <a:lstStyle>
            <a:lvl1pPr algn="l">
              <a:defRPr sz="4400"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38199" y="3840578"/>
            <a:ext cx="4864022" cy="1655762"/>
          </a:xfrm>
        </p:spPr>
        <p:txBody>
          <a:bodyPr>
            <a:normAutofit/>
          </a:bodyPr>
          <a:lstStyle>
            <a:lvl1pPr marL="0" indent="0" algn="l">
              <a:buNone/>
              <a:defRPr sz="20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DCFC6F05-CC25-3847-DE7E-E810DF531BF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661611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3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3014582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4584D2C2-3047-F5B1-9469-B34CB1CAA8D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9789" y="2232000"/>
            <a:ext cx="3014582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4588710" y="1439999"/>
            <a:ext cx="3014582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2" name="Plassholder for innhold 3">
            <a:extLst>
              <a:ext uri="{FF2B5EF4-FFF2-40B4-BE49-F238E27FC236}">
                <a16:creationId xmlns:a16="http://schemas.microsoft.com/office/drawing/2014/main" id="{03BCF634-F098-4E9B-362B-BEC149EF681E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588710" y="2232000"/>
            <a:ext cx="3014582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8337631" y="1439999"/>
            <a:ext cx="3014582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4" name="Plassholder for innhold 3">
            <a:extLst>
              <a:ext uri="{FF2B5EF4-FFF2-40B4-BE49-F238E27FC236}">
                <a16:creationId xmlns:a16="http://schemas.microsoft.com/office/drawing/2014/main" id="{ACFE2AC3-F6C8-83B5-11BA-7BC0E59E0F94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8337631" y="2232000"/>
            <a:ext cx="3014582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1CFFB836-CD90-9417-EC17-355909FE57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361508"/>
            <a:ext cx="10515600" cy="936000"/>
          </a:xfrm>
        </p:spPr>
        <p:txBody>
          <a:bodyPr anchor="t"/>
          <a:lstStyle/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311935494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3 spalter og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4584D2C2-3047-F5B1-9469-B34CB1CAA8D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5197" y="3888000"/>
            <a:ext cx="3014582" cy="2484000"/>
          </a:xfrm>
        </p:spPr>
        <p:txBody>
          <a:bodyPr>
            <a:normAutofit/>
          </a:bodyPr>
          <a:lstStyle>
            <a:lvl1pPr marL="0" indent="0" algn="ctr">
              <a:buFont typeface="Arial" panose="020B0604020202020204" pitchFamily="34" charset="0"/>
              <a:buNone/>
              <a:defRPr sz="21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4588710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2" name="Plassholder for innhold 3">
            <a:extLst>
              <a:ext uri="{FF2B5EF4-FFF2-40B4-BE49-F238E27FC236}">
                <a16:creationId xmlns:a16="http://schemas.microsoft.com/office/drawing/2014/main" id="{03BCF634-F098-4E9B-362B-BEC149EF681E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584118" y="3888000"/>
            <a:ext cx="3014582" cy="2484000"/>
          </a:xfrm>
        </p:spPr>
        <p:txBody>
          <a:bodyPr>
            <a:normAutofit/>
          </a:bodyPr>
          <a:lstStyle>
            <a:lvl1pPr marL="0" indent="0" algn="ctr">
              <a:buFont typeface="Arial" panose="020B0604020202020204" pitchFamily="34" charset="0"/>
              <a:buNone/>
              <a:defRPr sz="21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8337631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4" name="Plassholder for innhold 3">
            <a:extLst>
              <a:ext uri="{FF2B5EF4-FFF2-40B4-BE49-F238E27FC236}">
                <a16:creationId xmlns:a16="http://schemas.microsoft.com/office/drawing/2014/main" id="{ACFE2AC3-F6C8-83B5-11BA-7BC0E59E0F94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8333039" y="3888000"/>
            <a:ext cx="3014582" cy="2484000"/>
          </a:xfrm>
        </p:spPr>
        <p:txBody>
          <a:bodyPr>
            <a:normAutofit/>
          </a:bodyPr>
          <a:lstStyle>
            <a:lvl1pPr marL="0" indent="0" algn="ctr">
              <a:buFont typeface="Arial" panose="020B0604020202020204" pitchFamily="34" charset="0"/>
              <a:buNone/>
              <a:defRPr sz="21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8" name="Plassholder for lysbildenummer 5">
            <a:extLst>
              <a:ext uri="{FF2B5EF4-FFF2-40B4-BE49-F238E27FC236}">
                <a16:creationId xmlns:a16="http://schemas.microsoft.com/office/drawing/2014/main" id="{9C030B0E-D9BA-9997-0AA7-DCBB1E2BEF41}"/>
              </a:ext>
            </a:extLst>
          </p:cNvPr>
          <p:cNvSpPr txBox="1">
            <a:spLocks/>
          </p:cNvSpPr>
          <p:nvPr userDrawn="1"/>
        </p:nvSpPr>
        <p:spPr>
          <a:xfrm>
            <a:off x="257959" y="6349958"/>
            <a:ext cx="580241" cy="293066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b-NO"/>
            </a:defPPr>
            <a:lvl1pPr marL="0" algn="ctr" defTabSz="914400" rtl="0" eaLnBrk="1" latinLnBrk="0" hangingPunct="1"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fld id="{502DFABF-B9DB-8346-B5EB-835D7B8DCD1D}" type="slidenum">
              <a:rPr lang="nb-NO" smtClean="0"/>
              <a:pPr algn="l"/>
              <a:t>‹#›</a:t>
            </a:fld>
            <a:endParaRPr lang="nb-NO" dirty="0"/>
          </a:p>
        </p:txBody>
      </p:sp>
      <p:sp>
        <p:nvSpPr>
          <p:cNvPr id="17" name="Plassholder for bilde 7">
            <a:extLst>
              <a:ext uri="{FF2B5EF4-FFF2-40B4-BE49-F238E27FC236}">
                <a16:creationId xmlns:a16="http://schemas.microsoft.com/office/drawing/2014/main" id="{618AC882-4083-2C95-303A-D5492018B521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38800" y="2088000"/>
            <a:ext cx="3023765" cy="1512065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nb-NO" dirty="0"/>
          </a:p>
        </p:txBody>
      </p:sp>
      <p:sp>
        <p:nvSpPr>
          <p:cNvPr id="18" name="Plassholder for bilde 7">
            <a:extLst>
              <a:ext uri="{FF2B5EF4-FFF2-40B4-BE49-F238E27FC236}">
                <a16:creationId xmlns:a16="http://schemas.microsoft.com/office/drawing/2014/main" id="{ADA6C092-FEF8-BBAF-5196-A2F833EC1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590000" y="2088000"/>
            <a:ext cx="3023765" cy="1512065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nb-NO" dirty="0"/>
          </a:p>
        </p:txBody>
      </p:sp>
      <p:sp>
        <p:nvSpPr>
          <p:cNvPr id="19" name="Plassholder for bilde 7">
            <a:extLst>
              <a:ext uri="{FF2B5EF4-FFF2-40B4-BE49-F238E27FC236}">
                <a16:creationId xmlns:a16="http://schemas.microsoft.com/office/drawing/2014/main" id="{412C321A-A877-0716-1923-34A6F4E9B0A1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8337600" y="2088000"/>
            <a:ext cx="3023765" cy="1512065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1053560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4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A626301B-92ED-FC60-D58E-E83F321FEB0D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9789" y="1439999"/>
            <a:ext cx="2486994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9" name="Plassholder for innhold 3">
            <a:extLst>
              <a:ext uri="{FF2B5EF4-FFF2-40B4-BE49-F238E27FC236}">
                <a16:creationId xmlns:a16="http://schemas.microsoft.com/office/drawing/2014/main" id="{388CF389-7C8D-EEA1-31B4-55442084B28E}"/>
              </a:ext>
            </a:extLst>
          </p:cNvPr>
          <p:cNvSpPr>
            <a:spLocks noGrp="1"/>
          </p:cNvSpPr>
          <p:nvPr>
            <p:ph sz="half" idx="20" hasCustomPrompt="1"/>
          </p:nvPr>
        </p:nvSpPr>
        <p:spPr>
          <a:xfrm>
            <a:off x="839789" y="2232000"/>
            <a:ext cx="2486994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22" name="Plassholder for tekst 2">
            <a:extLst>
              <a:ext uri="{FF2B5EF4-FFF2-40B4-BE49-F238E27FC236}">
                <a16:creationId xmlns:a16="http://schemas.microsoft.com/office/drawing/2014/main" id="{E603E3E6-9E37-E1CB-46F9-01545DE61496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517152" y="1439999"/>
            <a:ext cx="2486994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23" name="Plassholder for innhold 3">
            <a:extLst>
              <a:ext uri="{FF2B5EF4-FFF2-40B4-BE49-F238E27FC236}">
                <a16:creationId xmlns:a16="http://schemas.microsoft.com/office/drawing/2014/main" id="{CC29C972-1D9B-4B6D-E6BB-52CEDDCD3EF2}"/>
              </a:ext>
            </a:extLst>
          </p:cNvPr>
          <p:cNvSpPr>
            <a:spLocks noGrp="1"/>
          </p:cNvSpPr>
          <p:nvPr>
            <p:ph sz="half" idx="22" hasCustomPrompt="1"/>
          </p:nvPr>
        </p:nvSpPr>
        <p:spPr>
          <a:xfrm>
            <a:off x="3517152" y="2232000"/>
            <a:ext cx="2486994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26" name="Plassholder for tekst 2">
            <a:extLst>
              <a:ext uri="{FF2B5EF4-FFF2-40B4-BE49-F238E27FC236}">
                <a16:creationId xmlns:a16="http://schemas.microsoft.com/office/drawing/2014/main" id="{CE16A991-591F-CAAD-7A45-42CF6A6714F2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6187200" y="1439999"/>
            <a:ext cx="2486994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27" name="Plassholder for innhold 3">
            <a:extLst>
              <a:ext uri="{FF2B5EF4-FFF2-40B4-BE49-F238E27FC236}">
                <a16:creationId xmlns:a16="http://schemas.microsoft.com/office/drawing/2014/main" id="{F545F5B4-B651-1C86-2C52-4C80415C799C}"/>
              </a:ext>
            </a:extLst>
          </p:cNvPr>
          <p:cNvSpPr>
            <a:spLocks noGrp="1"/>
          </p:cNvSpPr>
          <p:nvPr>
            <p:ph sz="half" idx="24" hasCustomPrompt="1"/>
          </p:nvPr>
        </p:nvSpPr>
        <p:spPr>
          <a:xfrm>
            <a:off x="6187200" y="2232000"/>
            <a:ext cx="2486994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30" name="Plassholder for tekst 2">
            <a:extLst>
              <a:ext uri="{FF2B5EF4-FFF2-40B4-BE49-F238E27FC236}">
                <a16:creationId xmlns:a16="http://schemas.microsoft.com/office/drawing/2014/main" id="{B76AB1BF-AF1B-EF2E-8F06-DD93E634608B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8879194" y="1439999"/>
            <a:ext cx="2486994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31" name="Plassholder for innhold 3">
            <a:extLst>
              <a:ext uri="{FF2B5EF4-FFF2-40B4-BE49-F238E27FC236}">
                <a16:creationId xmlns:a16="http://schemas.microsoft.com/office/drawing/2014/main" id="{0A09262D-5892-1BF7-9BD0-E4C6837201DD}"/>
              </a:ext>
            </a:extLst>
          </p:cNvPr>
          <p:cNvSpPr>
            <a:spLocks noGrp="1"/>
          </p:cNvSpPr>
          <p:nvPr>
            <p:ph sz="half" idx="26" hasCustomPrompt="1"/>
          </p:nvPr>
        </p:nvSpPr>
        <p:spPr>
          <a:xfrm>
            <a:off x="8879194" y="2232000"/>
            <a:ext cx="2486994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33" name="Tittel 1">
            <a:extLst>
              <a:ext uri="{FF2B5EF4-FFF2-40B4-BE49-F238E27FC236}">
                <a16:creationId xmlns:a16="http://schemas.microsoft.com/office/drawing/2014/main" id="{1D4A5552-DF70-26EB-E98E-887BB6AFCE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361508"/>
            <a:ext cx="10515600" cy="946766"/>
          </a:xfrm>
        </p:spPr>
        <p:txBody>
          <a:bodyPr anchor="t"/>
          <a:lstStyle/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238548621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er - 3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19">
            <a:extLst>
              <a:ext uri="{FF2B5EF4-FFF2-40B4-BE49-F238E27FC236}">
                <a16:creationId xmlns:a16="http://schemas.microsoft.com/office/drawing/2014/main" id="{E08CDABD-C4EC-6BBC-EF14-B2F0FD51F84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838200" y="2232000"/>
            <a:ext cx="3014582" cy="3766998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4588710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8337631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1CFFB836-CD90-9417-EC17-355909FE578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361508"/>
            <a:ext cx="10515600" cy="946766"/>
          </a:xfrm>
        </p:spPr>
        <p:txBody>
          <a:bodyPr anchor="t"/>
          <a:lstStyle/>
          <a:p>
            <a:r>
              <a:rPr lang="nb-NO" dirty="0"/>
              <a:t>Klikk for å redigere tittelstil</a:t>
            </a:r>
          </a:p>
        </p:txBody>
      </p:sp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04FE5927-3B4F-EB9A-2C24-11965BB8696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587120" y="2232000"/>
            <a:ext cx="3014581" cy="376695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9" name="Plassholder for bilde 9">
            <a:extLst>
              <a:ext uri="{FF2B5EF4-FFF2-40B4-BE49-F238E27FC236}">
                <a16:creationId xmlns:a16="http://schemas.microsoft.com/office/drawing/2014/main" id="{865F99FC-324E-CBED-975B-D2CB85E83142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336038" y="2232000"/>
            <a:ext cx="3014581" cy="3766505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73171464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er - 4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19">
            <a:extLst>
              <a:ext uri="{FF2B5EF4-FFF2-40B4-BE49-F238E27FC236}">
                <a16:creationId xmlns:a16="http://schemas.microsoft.com/office/drawing/2014/main" id="{E08CDABD-C4EC-6BBC-EF14-B2F0FD51F84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28799" y="2232000"/>
            <a:ext cx="2392545" cy="2989706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2574000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3484800" y="1439999"/>
            <a:ext cx="2574000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8776800" y="1439999"/>
            <a:ext cx="2574000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1CFFB836-CD90-9417-EC17-355909FE57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1508"/>
            <a:ext cx="10515600" cy="946766"/>
          </a:xfrm>
        </p:spPr>
        <p:txBody>
          <a:bodyPr anchor="t"/>
          <a:lstStyle/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04FE5927-3B4F-EB9A-2C24-11965BB8696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22255" y="2238157"/>
            <a:ext cx="2392569" cy="2989706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9" name="Plassholder for bilde 9">
            <a:extLst>
              <a:ext uri="{FF2B5EF4-FFF2-40B4-BE49-F238E27FC236}">
                <a16:creationId xmlns:a16="http://schemas.microsoft.com/office/drawing/2014/main" id="{865F99FC-324E-CBED-975B-D2CB85E83142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575370" y="2233005"/>
            <a:ext cx="2392859" cy="2989707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4" name="Plassholder for tekst 2">
            <a:extLst>
              <a:ext uri="{FF2B5EF4-FFF2-40B4-BE49-F238E27FC236}">
                <a16:creationId xmlns:a16="http://schemas.microsoft.com/office/drawing/2014/main" id="{C8F7A608-24B1-EACD-0576-8D008F48C08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6130800" y="1439999"/>
            <a:ext cx="2574000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5" name="Plassholder for bilde 19">
            <a:extLst>
              <a:ext uri="{FF2B5EF4-FFF2-40B4-BE49-F238E27FC236}">
                <a16:creationId xmlns:a16="http://schemas.microsoft.com/office/drawing/2014/main" id="{7B5159B1-4589-82E1-2FF8-9155F67E349B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870655" y="2232000"/>
            <a:ext cx="2392546" cy="2989706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400755165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er - 5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19">
            <a:extLst>
              <a:ext uri="{FF2B5EF4-FFF2-40B4-BE49-F238E27FC236}">
                <a16:creationId xmlns:a16="http://schemas.microsoft.com/office/drawing/2014/main" id="{E08CDABD-C4EC-6BBC-EF14-B2F0FD51F84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28800" y="2664000"/>
            <a:ext cx="1862888" cy="2327967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872000"/>
            <a:ext cx="20448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2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2955600" y="1872000"/>
            <a:ext cx="20448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2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7189200" y="1872000"/>
            <a:ext cx="20448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2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1CFFB836-CD90-9417-EC17-355909FE57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1508"/>
            <a:ext cx="10515600" cy="946766"/>
          </a:xfrm>
        </p:spPr>
        <p:txBody>
          <a:bodyPr anchor="t"/>
          <a:lstStyle/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04FE5927-3B4F-EB9A-2C24-11965BB8696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5163356" y="2664000"/>
            <a:ext cx="1862888" cy="2327827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9" name="Plassholder for bilde 9">
            <a:extLst>
              <a:ext uri="{FF2B5EF4-FFF2-40B4-BE49-F238E27FC236}">
                <a16:creationId xmlns:a16="http://schemas.microsoft.com/office/drawing/2014/main" id="{865F99FC-324E-CBED-975B-D2CB85E83142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6556" y="2664000"/>
            <a:ext cx="1862888" cy="2327546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4" name="Plassholder for tekst 2">
            <a:extLst>
              <a:ext uri="{FF2B5EF4-FFF2-40B4-BE49-F238E27FC236}">
                <a16:creationId xmlns:a16="http://schemas.microsoft.com/office/drawing/2014/main" id="{C8F7A608-24B1-EACD-0576-8D008F48C08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5072400" y="1872000"/>
            <a:ext cx="20448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2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5" name="Plassholder for bilde 19">
            <a:extLst>
              <a:ext uri="{FF2B5EF4-FFF2-40B4-BE49-F238E27FC236}">
                <a16:creationId xmlns:a16="http://schemas.microsoft.com/office/drawing/2014/main" id="{7B5159B1-4589-82E1-2FF8-9155F67E349B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282556" y="2664000"/>
            <a:ext cx="1862888" cy="2327850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8" name="Plassholder for tekst 2">
            <a:extLst>
              <a:ext uri="{FF2B5EF4-FFF2-40B4-BE49-F238E27FC236}">
                <a16:creationId xmlns:a16="http://schemas.microsoft.com/office/drawing/2014/main" id="{06AD930E-A381-6994-D1F6-E90BE144A257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9306000" y="1872000"/>
            <a:ext cx="20448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2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2" name="Plassholder for bilde 9">
            <a:extLst>
              <a:ext uri="{FF2B5EF4-FFF2-40B4-BE49-F238E27FC236}">
                <a16:creationId xmlns:a16="http://schemas.microsoft.com/office/drawing/2014/main" id="{796B2D66-4EC1-4D62-C38C-29D64FC2B7C2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395967" y="2664000"/>
            <a:ext cx="1862888" cy="2327546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3765411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er - 6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19">
            <a:extLst>
              <a:ext uri="{FF2B5EF4-FFF2-40B4-BE49-F238E27FC236}">
                <a16:creationId xmlns:a16="http://schemas.microsoft.com/office/drawing/2014/main" id="{E08CDABD-C4EC-6BBC-EF14-B2F0FD51F84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28800" y="2880000"/>
            <a:ext cx="1512997" cy="1890724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2602800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6130800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1CFFB836-CD90-9417-EC17-355909FE57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1508"/>
            <a:ext cx="10515600" cy="946766"/>
          </a:xfrm>
        </p:spPr>
        <p:txBody>
          <a:bodyPr anchor="t"/>
          <a:lstStyle/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04FE5927-3B4F-EB9A-2C24-11965BB8696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455802" y="2880000"/>
            <a:ext cx="1512815" cy="1890383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9" name="Plassholder for bilde 9">
            <a:extLst>
              <a:ext uri="{FF2B5EF4-FFF2-40B4-BE49-F238E27FC236}">
                <a16:creationId xmlns:a16="http://schemas.microsoft.com/office/drawing/2014/main" id="{865F99FC-324E-CBED-975B-D2CB85E83142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92301" y="2880000"/>
            <a:ext cx="1512997" cy="1890382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4" name="Plassholder for tekst 2">
            <a:extLst>
              <a:ext uri="{FF2B5EF4-FFF2-40B4-BE49-F238E27FC236}">
                <a16:creationId xmlns:a16="http://schemas.microsoft.com/office/drawing/2014/main" id="{C8F7A608-24B1-EACD-0576-8D008F48C08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4366800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5" name="Plassholder for bilde 19">
            <a:extLst>
              <a:ext uri="{FF2B5EF4-FFF2-40B4-BE49-F238E27FC236}">
                <a16:creationId xmlns:a16="http://schemas.microsoft.com/office/drawing/2014/main" id="{7B5159B1-4589-82E1-2FF8-9155F67E349B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19121" y="2880000"/>
            <a:ext cx="1512815" cy="1890402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8" name="Plassholder for tekst 2">
            <a:extLst>
              <a:ext uri="{FF2B5EF4-FFF2-40B4-BE49-F238E27FC236}">
                <a16:creationId xmlns:a16="http://schemas.microsoft.com/office/drawing/2014/main" id="{06AD930E-A381-6994-D1F6-E90BE144A257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7894800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2" name="Plassholder for bilde 9">
            <a:extLst>
              <a:ext uri="{FF2B5EF4-FFF2-40B4-BE49-F238E27FC236}">
                <a16:creationId xmlns:a16="http://schemas.microsoft.com/office/drawing/2014/main" id="{796B2D66-4EC1-4D62-C38C-29D64FC2B7C2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986884" y="2880000"/>
            <a:ext cx="1512815" cy="1890155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14" name="Plassholder for tekst 2">
            <a:extLst>
              <a:ext uri="{FF2B5EF4-FFF2-40B4-BE49-F238E27FC236}">
                <a16:creationId xmlns:a16="http://schemas.microsoft.com/office/drawing/2014/main" id="{C4A5FD01-450E-7AD7-63BD-ACC9C5E57B13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9657811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5" name="Plassholder for bilde 9">
            <a:extLst>
              <a:ext uri="{FF2B5EF4-FFF2-40B4-BE49-F238E27FC236}">
                <a16:creationId xmlns:a16="http://schemas.microsoft.com/office/drawing/2014/main" id="{DBBEDC98-782C-1C48-B57A-8A0D7F1AF3F3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45759" y="2880000"/>
            <a:ext cx="1512815" cy="1890383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04944713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er - 7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A626301B-92ED-FC60-D58E-E83F321FEB0D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9789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22" name="Plassholder for tekst 2">
            <a:extLst>
              <a:ext uri="{FF2B5EF4-FFF2-40B4-BE49-F238E27FC236}">
                <a16:creationId xmlns:a16="http://schemas.microsoft.com/office/drawing/2014/main" id="{E603E3E6-9E37-E1CB-46F9-01545DE61496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350800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26" name="Plassholder for tekst 2">
            <a:extLst>
              <a:ext uri="{FF2B5EF4-FFF2-40B4-BE49-F238E27FC236}">
                <a16:creationId xmlns:a16="http://schemas.microsoft.com/office/drawing/2014/main" id="{CE16A991-591F-CAAD-7A45-42CF6A6714F2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3862800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30" name="Plassholder for tekst 2">
            <a:extLst>
              <a:ext uri="{FF2B5EF4-FFF2-40B4-BE49-F238E27FC236}">
                <a16:creationId xmlns:a16="http://schemas.microsoft.com/office/drawing/2014/main" id="{B76AB1BF-AF1B-EF2E-8F06-DD93E634608B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5374800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33" name="Tittel 1">
            <a:extLst>
              <a:ext uri="{FF2B5EF4-FFF2-40B4-BE49-F238E27FC236}">
                <a16:creationId xmlns:a16="http://schemas.microsoft.com/office/drawing/2014/main" id="{1D4A5552-DF70-26EB-E98E-887BB6AFCE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0000"/>
            <a:ext cx="10515600" cy="936000"/>
          </a:xfrm>
        </p:spPr>
        <p:txBody>
          <a:bodyPr anchor="t">
            <a:normAutofit/>
          </a:bodyPr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2" name="Plassholder for tekst 2">
            <a:extLst>
              <a:ext uri="{FF2B5EF4-FFF2-40B4-BE49-F238E27FC236}">
                <a16:creationId xmlns:a16="http://schemas.microsoft.com/office/drawing/2014/main" id="{921CF019-02A4-2193-A6B3-1320BC792744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888211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493B7859-23FF-F3AE-A1C1-1A0DED592E9B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8400211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4" name="Plassholder for tekst 2">
            <a:extLst>
              <a:ext uri="{FF2B5EF4-FFF2-40B4-BE49-F238E27FC236}">
                <a16:creationId xmlns:a16="http://schemas.microsoft.com/office/drawing/2014/main" id="{61C59E80-9537-88F8-D2DB-626EA6484876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9912211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5" name="Plassholder for bilde 9">
            <a:extLst>
              <a:ext uri="{FF2B5EF4-FFF2-40B4-BE49-F238E27FC236}">
                <a16:creationId xmlns:a16="http://schemas.microsoft.com/office/drawing/2014/main" id="{D46894E7-FCEF-70FD-AD37-1D39AF00966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92880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3" name="Plassholder for bilde 9">
            <a:extLst>
              <a:ext uri="{FF2B5EF4-FFF2-40B4-BE49-F238E27FC236}">
                <a16:creationId xmlns:a16="http://schemas.microsoft.com/office/drawing/2014/main" id="{46107129-07DF-A188-61ED-9F61FFB33F9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244096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4" name="Plassholder for bilde 9">
            <a:extLst>
              <a:ext uri="{FF2B5EF4-FFF2-40B4-BE49-F238E27FC236}">
                <a16:creationId xmlns:a16="http://schemas.microsoft.com/office/drawing/2014/main" id="{4EE08752-BE24-67DF-2593-848C45E47D88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395296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5" name="Plassholder for bilde 9">
            <a:extLst>
              <a:ext uri="{FF2B5EF4-FFF2-40B4-BE49-F238E27FC236}">
                <a16:creationId xmlns:a16="http://schemas.microsoft.com/office/drawing/2014/main" id="{DB191DEA-9535-54C6-8C03-EF28AF33B5D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546496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6" name="Plassholder for bilde 9">
            <a:extLst>
              <a:ext uri="{FF2B5EF4-FFF2-40B4-BE49-F238E27FC236}">
                <a16:creationId xmlns:a16="http://schemas.microsoft.com/office/drawing/2014/main" id="{441CA0A2-C2E8-9873-6FFE-7DD35A98D2EE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697696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7" name="Plassholder for bilde 9">
            <a:extLst>
              <a:ext uri="{FF2B5EF4-FFF2-40B4-BE49-F238E27FC236}">
                <a16:creationId xmlns:a16="http://schemas.microsoft.com/office/drawing/2014/main" id="{3229E037-172B-A375-8B28-B4E13A6733CA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848896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9" name="Plassholder for bilde 9">
            <a:extLst>
              <a:ext uri="{FF2B5EF4-FFF2-40B4-BE49-F238E27FC236}">
                <a16:creationId xmlns:a16="http://schemas.microsoft.com/office/drawing/2014/main" id="{8D615A4B-4C6B-AC12-DDC4-7442AEF9797F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10000960" y="3023999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18076009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1 spalte og bil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ssholder for tekst 3">
            <a:extLst>
              <a:ext uri="{FF2B5EF4-FFF2-40B4-BE49-F238E27FC236}">
                <a16:creationId xmlns:a16="http://schemas.microsoft.com/office/drawing/2014/main" id="{C56C218D-0399-3D6A-4793-A6CF246F69C1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839788" y="1440000"/>
            <a:ext cx="5604555" cy="4680000"/>
          </a:xfrm>
        </p:spPr>
        <p:txBody>
          <a:bodyPr>
            <a:normAutofit/>
          </a:bodyPr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nb-NO" dirty="0"/>
              <a:t>H3 Innhold</a:t>
            </a:r>
          </a:p>
        </p:txBody>
      </p:sp>
      <p:sp>
        <p:nvSpPr>
          <p:cNvPr id="10" name="Plassholder for bilde 9">
            <a:extLst>
              <a:ext uri="{FF2B5EF4-FFF2-40B4-BE49-F238E27FC236}">
                <a16:creationId xmlns:a16="http://schemas.microsoft.com/office/drawing/2014/main" id="{E6F3F0D2-E3FF-8C5B-DB5D-D744C57A2022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195033" y="827313"/>
            <a:ext cx="4159699" cy="5197250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72D443DA-D27E-17FF-E435-DAB163107B7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" name="Tittel 1">
            <a:extLst>
              <a:ext uri="{FF2B5EF4-FFF2-40B4-BE49-F238E27FC236}">
                <a16:creationId xmlns:a16="http://schemas.microsoft.com/office/drawing/2014/main" id="{99665B4A-79EA-CE0A-94A3-6A39499BAE4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9788" y="360000"/>
            <a:ext cx="5604555" cy="936000"/>
          </a:xfrm>
        </p:spPr>
        <p:txBody>
          <a:bodyPr anchor="t"/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425171137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1 spalte og bil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ssholder for tekst 3">
            <a:extLst>
              <a:ext uri="{FF2B5EF4-FFF2-40B4-BE49-F238E27FC236}">
                <a16:creationId xmlns:a16="http://schemas.microsoft.com/office/drawing/2014/main" id="{C56C218D-0399-3D6A-4793-A6CF246F69C1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839788" y="1440000"/>
            <a:ext cx="5604555" cy="4680000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nb-NO" dirty="0"/>
              <a:t>H3 Innhold</a:t>
            </a:r>
          </a:p>
        </p:txBody>
      </p:sp>
      <p:sp>
        <p:nvSpPr>
          <p:cNvPr id="20" name="Plassholder for bilde 19">
            <a:extLst>
              <a:ext uri="{FF2B5EF4-FFF2-40B4-BE49-F238E27FC236}">
                <a16:creationId xmlns:a16="http://schemas.microsoft.com/office/drawing/2014/main" id="{1C8B5148-23E6-B4DA-9AE8-DB6A36844F2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193387" y="828676"/>
            <a:ext cx="4161336" cy="5199973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1B8BA4A6-5555-23B4-3714-F0D89074140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D6589258-E6C6-8929-B154-C06346230E3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9788" y="360000"/>
            <a:ext cx="5604555" cy="936000"/>
          </a:xfrm>
        </p:spPr>
        <p:txBody>
          <a:bodyPr anchor="t"/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17380711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8199" y="1360903"/>
            <a:ext cx="4864022" cy="2387600"/>
          </a:xfrm>
        </p:spPr>
        <p:txBody>
          <a:bodyPr anchor="b">
            <a:normAutofit/>
          </a:bodyPr>
          <a:lstStyle>
            <a:lvl1pPr algn="l">
              <a:defRPr sz="4400"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38199" y="3840578"/>
            <a:ext cx="4864022" cy="1655762"/>
          </a:xfrm>
        </p:spPr>
        <p:txBody>
          <a:bodyPr>
            <a:normAutofit/>
          </a:bodyPr>
          <a:lstStyle>
            <a:lvl1pPr marL="0" indent="0" algn="l">
              <a:buNone/>
              <a:defRPr sz="20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10" name="Plassholder for bilde 9">
            <a:extLst>
              <a:ext uri="{FF2B5EF4-FFF2-40B4-BE49-F238E27FC236}">
                <a16:creationId xmlns:a16="http://schemas.microsoft.com/office/drawing/2014/main" id="{A50C5000-837B-92D3-C191-D59E5C8D6E3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380392" y="827691"/>
            <a:ext cx="4971402" cy="4971402"/>
          </a:xfrm>
          <a:custGeom>
            <a:avLst/>
            <a:gdLst>
              <a:gd name="connsiteX0" fmla="*/ 1115078 w 4971402"/>
              <a:gd name="connsiteY0" fmla="*/ 0 h 4971402"/>
              <a:gd name="connsiteX1" fmla="*/ 4758012 w 4971402"/>
              <a:gd name="connsiteY1" fmla="*/ 0 h 4971402"/>
              <a:gd name="connsiteX2" fmla="*/ 4971402 w 4971402"/>
              <a:gd name="connsiteY2" fmla="*/ 213390 h 4971402"/>
              <a:gd name="connsiteX3" fmla="*/ 4971402 w 4971402"/>
              <a:gd name="connsiteY3" fmla="*/ 4758012 h 4971402"/>
              <a:gd name="connsiteX4" fmla="*/ 4758012 w 4971402"/>
              <a:gd name="connsiteY4" fmla="*/ 4971402 h 4971402"/>
              <a:gd name="connsiteX5" fmla="*/ 2201951 w 4971402"/>
              <a:gd name="connsiteY5" fmla="*/ 4971402 h 4971402"/>
              <a:gd name="connsiteX6" fmla="*/ 1988561 w 4971402"/>
              <a:gd name="connsiteY6" fmla="*/ 4758012 h 4971402"/>
              <a:gd name="connsiteX7" fmla="*/ 1988561 w 4971402"/>
              <a:gd name="connsiteY7" fmla="*/ 4084669 h 4971402"/>
              <a:gd name="connsiteX8" fmla="*/ 1592194 w 4971402"/>
              <a:gd name="connsiteY8" fmla="*/ 3974863 h 4971402"/>
              <a:gd name="connsiteX9" fmla="*/ 1056461 w 4971402"/>
              <a:gd name="connsiteY9" fmla="*/ 4867768 h 4971402"/>
              <a:gd name="connsiteX10" fmla="*/ 873483 w 4971402"/>
              <a:gd name="connsiteY10" fmla="*/ 4971352 h 4971402"/>
              <a:gd name="connsiteX11" fmla="*/ 213390 w 4971402"/>
              <a:gd name="connsiteY11" fmla="*/ 4971352 h 4971402"/>
              <a:gd name="connsiteX12" fmla="*/ 0 w 4971402"/>
              <a:gd name="connsiteY12" fmla="*/ 4757962 h 4971402"/>
              <a:gd name="connsiteX13" fmla="*/ 0 w 4971402"/>
              <a:gd name="connsiteY13" fmla="*/ 1716253 h 4971402"/>
              <a:gd name="connsiteX14" fmla="*/ 30413 w 4971402"/>
              <a:gd name="connsiteY14" fmla="*/ 1606446 h 4971402"/>
              <a:gd name="connsiteX15" fmla="*/ 932100 w 4971402"/>
              <a:gd name="connsiteY15" fmla="*/ 103583 h 4971402"/>
              <a:gd name="connsiteX16" fmla="*/ 1115078 w 4971402"/>
              <a:gd name="connsiteY16" fmla="*/ 0 h 49714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4971402" h="4971402">
                <a:moveTo>
                  <a:pt x="1115078" y="0"/>
                </a:moveTo>
                <a:lnTo>
                  <a:pt x="4758012" y="0"/>
                </a:lnTo>
                <a:cubicBezTo>
                  <a:pt x="4875848" y="0"/>
                  <a:pt x="4971402" y="95554"/>
                  <a:pt x="4971402" y="213390"/>
                </a:cubicBezTo>
                <a:lnTo>
                  <a:pt x="4971402" y="4758012"/>
                </a:lnTo>
                <a:cubicBezTo>
                  <a:pt x="4971402" y="4875848"/>
                  <a:pt x="4875848" y="4971402"/>
                  <a:pt x="4758012" y="4971402"/>
                </a:cubicBezTo>
                <a:lnTo>
                  <a:pt x="2201951" y="4971402"/>
                </a:lnTo>
                <a:cubicBezTo>
                  <a:pt x="2084114" y="4971402"/>
                  <a:pt x="1988561" y="4875848"/>
                  <a:pt x="1988561" y="4758012"/>
                </a:cubicBezTo>
                <a:lnTo>
                  <a:pt x="1988561" y="4084669"/>
                </a:lnTo>
                <a:cubicBezTo>
                  <a:pt x="1988561" y="3868268"/>
                  <a:pt x="1703556" y="3789276"/>
                  <a:pt x="1592194" y="3974863"/>
                </a:cubicBezTo>
                <a:lnTo>
                  <a:pt x="1056461" y="4867768"/>
                </a:lnTo>
                <a:cubicBezTo>
                  <a:pt x="1017918" y="4932056"/>
                  <a:pt x="948461" y="4971352"/>
                  <a:pt x="873483" y="4971352"/>
                </a:cubicBezTo>
                <a:lnTo>
                  <a:pt x="213390" y="4971352"/>
                </a:lnTo>
                <a:cubicBezTo>
                  <a:pt x="95554" y="4971352"/>
                  <a:pt x="0" y="4875798"/>
                  <a:pt x="0" y="4757962"/>
                </a:cubicBezTo>
                <a:lnTo>
                  <a:pt x="0" y="1716253"/>
                </a:lnTo>
                <a:cubicBezTo>
                  <a:pt x="0" y="1677559"/>
                  <a:pt x="10489" y="1639619"/>
                  <a:pt x="30413" y="1606446"/>
                </a:cubicBezTo>
                <a:lnTo>
                  <a:pt x="932100" y="103583"/>
                </a:lnTo>
                <a:cubicBezTo>
                  <a:pt x="970693" y="39346"/>
                  <a:pt x="1040150" y="0"/>
                  <a:pt x="1115078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nb-NO"/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DCFC6F05-CC25-3847-DE7E-E810DF531BF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8902724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1 spalte og bild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ssholder for bilde 9">
            <a:extLst>
              <a:ext uri="{FF2B5EF4-FFF2-40B4-BE49-F238E27FC236}">
                <a16:creationId xmlns:a16="http://schemas.microsoft.com/office/drawing/2014/main" id="{17401D28-23EC-A6FD-A40A-2464AC03D0B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187617" y="821438"/>
            <a:ext cx="4167119" cy="5207147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D50E2117-7370-192A-C148-E28C8DFD595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9" name="Plassholder for tekst 3">
            <a:extLst>
              <a:ext uri="{FF2B5EF4-FFF2-40B4-BE49-F238E27FC236}">
                <a16:creationId xmlns:a16="http://schemas.microsoft.com/office/drawing/2014/main" id="{C6B436B7-C8FB-1CE0-10E8-4F422597E20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839788" y="1440000"/>
            <a:ext cx="5604555" cy="4680000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nb-NO" dirty="0"/>
              <a:t>H3 Innhold</a:t>
            </a:r>
          </a:p>
        </p:txBody>
      </p:sp>
      <p:sp>
        <p:nvSpPr>
          <p:cNvPr id="11" name="Tittel 1">
            <a:extLst>
              <a:ext uri="{FF2B5EF4-FFF2-40B4-BE49-F238E27FC236}">
                <a16:creationId xmlns:a16="http://schemas.microsoft.com/office/drawing/2014/main" id="{4A6DE2A3-8E0C-C153-D092-43AAFE65062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9788" y="360000"/>
            <a:ext cx="5604555" cy="936000"/>
          </a:xfrm>
        </p:spPr>
        <p:txBody>
          <a:bodyPr anchor="t"/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353893253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Bilde fullsi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ssholder for bilde 10">
            <a:extLst>
              <a:ext uri="{FF2B5EF4-FFF2-40B4-BE49-F238E27FC236}">
                <a16:creationId xmlns:a16="http://schemas.microsoft.com/office/drawing/2014/main" id="{AEA12BDE-9212-C6F2-FA14-8106F577C5E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338207" y="361508"/>
            <a:ext cx="11515586" cy="5758653"/>
          </a:xfrm>
          <a:custGeom>
            <a:avLst/>
            <a:gdLst>
              <a:gd name="connsiteX0" fmla="*/ 1178214 w 10505775"/>
              <a:gd name="connsiteY0" fmla="*/ 0 h 5253672"/>
              <a:gd name="connsiteX1" fmla="*/ 7128571 w 10505775"/>
              <a:gd name="connsiteY1" fmla="*/ 0 h 5253672"/>
              <a:gd name="connsiteX2" fmla="*/ 7354043 w 10505775"/>
              <a:gd name="connsiteY2" fmla="*/ 225510 h 5253672"/>
              <a:gd name="connsiteX3" fmla="*/ 7354043 w 10505775"/>
              <a:gd name="connsiteY3" fmla="*/ 937045 h 5253672"/>
              <a:gd name="connsiteX4" fmla="*/ 7772853 w 10505775"/>
              <a:gd name="connsiteY4" fmla="*/ 1053088 h 5253672"/>
              <a:gd name="connsiteX5" fmla="*/ 8338920 w 10505775"/>
              <a:gd name="connsiteY5" fmla="*/ 109467 h 5253672"/>
              <a:gd name="connsiteX6" fmla="*/ 8532257 w 10505775"/>
              <a:gd name="connsiteY6" fmla="*/ 0 h 5253672"/>
              <a:gd name="connsiteX7" fmla="*/ 10280304 w 10505775"/>
              <a:gd name="connsiteY7" fmla="*/ 0 h 5253672"/>
              <a:gd name="connsiteX8" fmla="*/ 10505775 w 10505775"/>
              <a:gd name="connsiteY8" fmla="*/ 225510 h 5253672"/>
              <a:gd name="connsiteX9" fmla="*/ 10505775 w 10505775"/>
              <a:gd name="connsiteY9" fmla="*/ 3440038 h 5253672"/>
              <a:gd name="connsiteX10" fmla="*/ 10473641 w 10505775"/>
              <a:gd name="connsiteY10" fmla="*/ 3556081 h 5253672"/>
              <a:gd name="connsiteX11" fmla="*/ 9520899 w 10505775"/>
              <a:gd name="connsiteY11" fmla="*/ 5144305 h 5253672"/>
              <a:gd name="connsiteX12" fmla="*/ 9385465 w 10505775"/>
              <a:gd name="connsiteY12" fmla="*/ 5246214 h 5253672"/>
              <a:gd name="connsiteX13" fmla="*/ 9328327 w 10505775"/>
              <a:gd name="connsiteY13" fmla="*/ 5253672 h 5253672"/>
              <a:gd name="connsiteX14" fmla="*/ 224481 w 10505775"/>
              <a:gd name="connsiteY14" fmla="*/ 5253672 h 5253672"/>
              <a:gd name="connsiteX15" fmla="*/ 180036 w 10505775"/>
              <a:gd name="connsiteY15" fmla="*/ 5249190 h 5253672"/>
              <a:gd name="connsiteX16" fmla="*/ 0 w 10505775"/>
              <a:gd name="connsiteY16" fmla="*/ 5028262 h 5253672"/>
              <a:gd name="connsiteX17" fmla="*/ 0 w 10505775"/>
              <a:gd name="connsiteY17" fmla="*/ 1813734 h 5253672"/>
              <a:gd name="connsiteX18" fmla="*/ 32135 w 10505775"/>
              <a:gd name="connsiteY18" fmla="*/ 1697691 h 5253672"/>
              <a:gd name="connsiteX19" fmla="*/ 984877 w 10505775"/>
              <a:gd name="connsiteY19" fmla="*/ 109467 h 5253672"/>
              <a:gd name="connsiteX20" fmla="*/ 1178214 w 10505775"/>
              <a:gd name="connsiteY20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10505775" h="5253672">
                <a:moveTo>
                  <a:pt x="1178214" y="0"/>
                </a:moveTo>
                <a:lnTo>
                  <a:pt x="7128571" y="0"/>
                </a:lnTo>
                <a:cubicBezTo>
                  <a:pt x="7253079" y="0"/>
                  <a:pt x="7354043" y="100981"/>
                  <a:pt x="7354043" y="225510"/>
                </a:cubicBezTo>
                <a:lnTo>
                  <a:pt x="7354043" y="937045"/>
                </a:lnTo>
                <a:cubicBezTo>
                  <a:pt x="7354043" y="1165790"/>
                  <a:pt x="7655185" y="1249216"/>
                  <a:pt x="7772853" y="1053088"/>
                </a:cubicBezTo>
                <a:lnTo>
                  <a:pt x="8338920" y="109467"/>
                </a:lnTo>
                <a:cubicBezTo>
                  <a:pt x="8379645" y="41580"/>
                  <a:pt x="8453034" y="0"/>
                  <a:pt x="8532257" y="0"/>
                </a:cubicBezTo>
                <a:lnTo>
                  <a:pt x="10280304" y="0"/>
                </a:lnTo>
                <a:cubicBezTo>
                  <a:pt x="10404812" y="0"/>
                  <a:pt x="10505775" y="100981"/>
                  <a:pt x="10505775" y="225510"/>
                </a:cubicBezTo>
                <a:lnTo>
                  <a:pt x="10505775" y="3440038"/>
                </a:lnTo>
                <a:cubicBezTo>
                  <a:pt x="10505775" y="3480929"/>
                  <a:pt x="10494640" y="3521024"/>
                  <a:pt x="10473641" y="3556081"/>
                </a:cubicBezTo>
                <a:lnTo>
                  <a:pt x="9520899" y="5144305"/>
                </a:lnTo>
                <a:cubicBezTo>
                  <a:pt x="9490355" y="5195220"/>
                  <a:pt x="9441437" y="5231338"/>
                  <a:pt x="9385465" y="5246214"/>
                </a:cubicBezTo>
                <a:lnTo>
                  <a:pt x="9328327" y="5253672"/>
                </a:lnTo>
                <a:lnTo>
                  <a:pt x="224481" y="5253672"/>
                </a:lnTo>
                <a:lnTo>
                  <a:pt x="180036" y="5249190"/>
                </a:lnTo>
                <a:cubicBezTo>
                  <a:pt x="77301" y="5228159"/>
                  <a:pt x="0" y="5137225"/>
                  <a:pt x="0" y="5028262"/>
                </a:cubicBezTo>
                <a:lnTo>
                  <a:pt x="0" y="1813734"/>
                </a:lnTo>
                <a:cubicBezTo>
                  <a:pt x="0" y="1772843"/>
                  <a:pt x="11136" y="1732748"/>
                  <a:pt x="32135" y="1697691"/>
                </a:cubicBezTo>
                <a:lnTo>
                  <a:pt x="984877" y="109467"/>
                </a:lnTo>
                <a:cubicBezTo>
                  <a:pt x="1025602" y="41580"/>
                  <a:pt x="1098992" y="0"/>
                  <a:pt x="1178214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828BF683-6928-00EF-7854-A8C20327EAF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990694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Bilde fulls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lassholder for bilde 7">
            <a:extLst>
              <a:ext uri="{FF2B5EF4-FFF2-40B4-BE49-F238E27FC236}">
                <a16:creationId xmlns:a16="http://schemas.microsoft.com/office/drawing/2014/main" id="{72660B8F-0BAE-15FF-88C8-EE79E388F49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8200" y="801053"/>
            <a:ext cx="10506076" cy="5253672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nb-NO" dirty="0"/>
          </a:p>
        </p:txBody>
      </p:sp>
      <p:sp>
        <p:nvSpPr>
          <p:cNvPr id="5" name="Plassholder for lysbildenummer 5">
            <a:extLst>
              <a:ext uri="{FF2B5EF4-FFF2-40B4-BE49-F238E27FC236}">
                <a16:creationId xmlns:a16="http://schemas.microsoft.com/office/drawing/2014/main" id="{17E64BBA-BDFE-595B-DF3D-43B01C29183F}"/>
              </a:ext>
            </a:extLst>
          </p:cNvPr>
          <p:cNvSpPr txBox="1">
            <a:spLocks/>
          </p:cNvSpPr>
          <p:nvPr userDrawn="1"/>
        </p:nvSpPr>
        <p:spPr>
          <a:xfrm>
            <a:off x="257959" y="6349958"/>
            <a:ext cx="580241" cy="293066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b-NO"/>
            </a:defPPr>
            <a:lvl1pPr marL="0" algn="ctr" defTabSz="914400" rtl="0" eaLnBrk="1" latinLnBrk="0" hangingPunct="1"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fld id="{502DFABF-B9DB-8346-B5EB-835D7B8DCD1D}" type="slidenum">
              <a:rPr lang="nb-NO" smtClean="0"/>
              <a:pPr algn="l"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3636099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Bilde fullsid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lassholder for bilde 7">
            <a:extLst>
              <a:ext uri="{FF2B5EF4-FFF2-40B4-BE49-F238E27FC236}">
                <a16:creationId xmlns:a16="http://schemas.microsoft.com/office/drawing/2014/main" id="{72660B8F-0BAE-15FF-88C8-EE79E388F49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D0954805-39EC-52CC-DDE7-6638D4EBDFA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6359487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med 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3" name="Tittel 1">
            <a:extLst>
              <a:ext uri="{FF2B5EF4-FFF2-40B4-BE49-F238E27FC236}">
                <a16:creationId xmlns:a16="http://schemas.microsoft.com/office/drawing/2014/main" id="{FC4E12D4-2910-C843-6B71-7F46BA225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0000"/>
            <a:ext cx="10515600" cy="936000"/>
          </a:xfrm>
        </p:spPr>
        <p:txBody>
          <a:bodyPr anchor="t">
            <a:normAutofit/>
          </a:bodyPr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3678375252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916317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forsid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Plassholder for bilde 39">
            <a:extLst>
              <a:ext uri="{FF2B5EF4-FFF2-40B4-BE49-F238E27FC236}">
                <a16:creationId xmlns:a16="http://schemas.microsoft.com/office/drawing/2014/main" id="{61018F99-88B1-C1B2-F9DD-3C5EE03C6DF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338208" y="352152"/>
            <a:ext cx="11515743" cy="5498937"/>
          </a:xfrm>
          <a:custGeom>
            <a:avLst/>
            <a:gdLst>
              <a:gd name="connsiteX0" fmla="*/ 1164080 w 11515743"/>
              <a:gd name="connsiteY0" fmla="*/ 0 h 5498937"/>
              <a:gd name="connsiteX1" fmla="*/ 8179053 w 11515743"/>
              <a:gd name="connsiteY1" fmla="*/ 0 h 5498937"/>
              <a:gd name="connsiteX2" fmla="*/ 8401820 w 11515743"/>
              <a:gd name="connsiteY2" fmla="*/ 222693 h 5498937"/>
              <a:gd name="connsiteX3" fmla="*/ 8401820 w 11515743"/>
              <a:gd name="connsiteY3" fmla="*/ 925341 h 5498937"/>
              <a:gd name="connsiteX4" fmla="*/ 8815606 w 11515743"/>
              <a:gd name="connsiteY4" fmla="*/ 1039935 h 5498937"/>
              <a:gd name="connsiteX5" fmla="*/ 9374882 w 11515743"/>
              <a:gd name="connsiteY5" fmla="*/ 108100 h 5498937"/>
              <a:gd name="connsiteX6" fmla="*/ 9565900 w 11515743"/>
              <a:gd name="connsiteY6" fmla="*/ 0 h 5498937"/>
              <a:gd name="connsiteX7" fmla="*/ 11292976 w 11515743"/>
              <a:gd name="connsiteY7" fmla="*/ 0 h 5498937"/>
              <a:gd name="connsiteX8" fmla="*/ 11515743 w 11515743"/>
              <a:gd name="connsiteY8" fmla="*/ 222693 h 5498937"/>
              <a:gd name="connsiteX9" fmla="*/ 11515743 w 11515743"/>
              <a:gd name="connsiteY9" fmla="*/ 3707595 h 5498937"/>
              <a:gd name="connsiteX10" fmla="*/ 11483732 w 11515743"/>
              <a:gd name="connsiteY10" fmla="*/ 3822556 h 5498937"/>
              <a:gd name="connsiteX11" fmla="*/ 10537757 w 11515743"/>
              <a:gd name="connsiteY11" fmla="*/ 5391204 h 5498937"/>
              <a:gd name="connsiteX12" fmla="*/ 10347000 w 11515743"/>
              <a:gd name="connsiteY12" fmla="*/ 5498937 h 5498937"/>
              <a:gd name="connsiteX13" fmla="*/ 222767 w 11515743"/>
              <a:gd name="connsiteY13" fmla="*/ 5498937 h 5498937"/>
              <a:gd name="connsiteX14" fmla="*/ 0 w 11515743"/>
              <a:gd name="connsiteY14" fmla="*/ 5276243 h 5498937"/>
              <a:gd name="connsiteX15" fmla="*/ 0 w 11515743"/>
              <a:gd name="connsiteY15" fmla="*/ 1791080 h 5498937"/>
              <a:gd name="connsiteX16" fmla="*/ 31749 w 11515743"/>
              <a:gd name="connsiteY16" fmla="*/ 1676486 h 5498937"/>
              <a:gd name="connsiteX17" fmla="*/ 973062 w 11515743"/>
              <a:gd name="connsiteY17" fmla="*/ 108100 h 5498937"/>
              <a:gd name="connsiteX18" fmla="*/ 1164080 w 11515743"/>
              <a:gd name="connsiteY18" fmla="*/ 0 h 54989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11515743" h="5498937">
                <a:moveTo>
                  <a:pt x="1164080" y="0"/>
                </a:moveTo>
                <a:lnTo>
                  <a:pt x="8179053" y="0"/>
                </a:lnTo>
                <a:cubicBezTo>
                  <a:pt x="8302067" y="0"/>
                  <a:pt x="8401820" y="99720"/>
                  <a:pt x="8401820" y="222693"/>
                </a:cubicBezTo>
                <a:lnTo>
                  <a:pt x="8401820" y="925341"/>
                </a:lnTo>
                <a:cubicBezTo>
                  <a:pt x="8401820" y="1151229"/>
                  <a:pt x="8699349" y="1233613"/>
                  <a:pt x="8815606" y="1039935"/>
                </a:cubicBezTo>
                <a:lnTo>
                  <a:pt x="9374882" y="108100"/>
                </a:lnTo>
                <a:cubicBezTo>
                  <a:pt x="9415118" y="41061"/>
                  <a:pt x="9487628" y="0"/>
                  <a:pt x="9565900" y="0"/>
                </a:cubicBezTo>
                <a:lnTo>
                  <a:pt x="11292976" y="0"/>
                </a:lnTo>
                <a:cubicBezTo>
                  <a:pt x="11415990" y="0"/>
                  <a:pt x="11515743" y="99720"/>
                  <a:pt x="11515743" y="222693"/>
                </a:cubicBezTo>
                <a:lnTo>
                  <a:pt x="11515743" y="3707595"/>
                </a:lnTo>
                <a:cubicBezTo>
                  <a:pt x="11515743" y="3748080"/>
                  <a:pt x="11504636" y="3787832"/>
                  <a:pt x="11483732" y="3822556"/>
                </a:cubicBezTo>
                <a:lnTo>
                  <a:pt x="10537757" y="5391204"/>
                </a:lnTo>
                <a:cubicBezTo>
                  <a:pt x="10497468" y="5458086"/>
                  <a:pt x="10425063" y="5498937"/>
                  <a:pt x="10347000" y="5498937"/>
                </a:cubicBezTo>
                <a:lnTo>
                  <a:pt x="222767" y="5498937"/>
                </a:lnTo>
                <a:cubicBezTo>
                  <a:pt x="99753" y="5498937"/>
                  <a:pt x="0" y="5399217"/>
                  <a:pt x="0" y="5276243"/>
                </a:cubicBezTo>
                <a:lnTo>
                  <a:pt x="0" y="1791080"/>
                </a:lnTo>
                <a:cubicBezTo>
                  <a:pt x="0" y="1750700"/>
                  <a:pt x="11002" y="1711105"/>
                  <a:pt x="31749" y="1676486"/>
                </a:cubicBezTo>
                <a:lnTo>
                  <a:pt x="973062" y="108100"/>
                </a:lnTo>
                <a:cubicBezTo>
                  <a:pt x="1013298" y="41061"/>
                  <a:pt x="1085808" y="0"/>
                  <a:pt x="1164080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  <a:p>
            <a:endParaRPr lang="nb-NO" dirty="0"/>
          </a:p>
        </p:txBody>
      </p:sp>
      <p:pic>
        <p:nvPicPr>
          <p:cNvPr id="41" name="Bilde 40">
            <a:extLst>
              <a:ext uri="{FF2B5EF4-FFF2-40B4-BE49-F238E27FC236}">
                <a16:creationId xmlns:a16="http://schemas.microsoft.com/office/drawing/2014/main" id="{59A61231-5D90-F084-BD09-FB9296AC37C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2" name="Tittel 1">
            <a:extLst>
              <a:ext uri="{FF2B5EF4-FFF2-40B4-BE49-F238E27FC236}">
                <a16:creationId xmlns:a16="http://schemas.microsoft.com/office/drawing/2014/main" id="{4BDFA791-EC97-6EA4-F7A5-CD95002DE62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38198" y="5851088"/>
            <a:ext cx="9793516" cy="1006911"/>
          </a:xfrm>
        </p:spPr>
        <p:txBody>
          <a:bodyPr anchor="ctr">
            <a:normAutofit/>
          </a:bodyPr>
          <a:lstStyle>
            <a:lvl1pPr algn="l">
              <a:defRPr sz="400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399372903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tel 1">
            <a:extLst>
              <a:ext uri="{FF2B5EF4-FFF2-40B4-BE49-F238E27FC236}">
                <a16:creationId xmlns:a16="http://schemas.microsoft.com/office/drawing/2014/main" id="{FC4E12D4-2910-C843-6B71-7F46BA225FF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81248" y="499674"/>
            <a:ext cx="7672551" cy="844554"/>
          </a:xfrm>
        </p:spPr>
        <p:txBody>
          <a:bodyPr anchor="t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nb-NO" dirty="0"/>
              <a:t>Prosjektnavn</a:t>
            </a:r>
          </a:p>
        </p:txBody>
      </p:sp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8400" y="1441885"/>
            <a:ext cx="3160800" cy="3412800"/>
          </a:xfrm>
          <a:prstGeom prst="roundRect">
            <a:avLst>
              <a:gd name="adj" fmla="val 4964"/>
            </a:avLst>
          </a:prstGeom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1" name="Plassholder for tekst 20">
            <a:extLst>
              <a:ext uri="{FF2B5EF4-FFF2-40B4-BE49-F238E27FC236}">
                <a16:creationId xmlns:a16="http://schemas.microsoft.com/office/drawing/2014/main" id="{A82A8184-0AFF-1FFE-18A6-203D2435BF10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240972" y="5049653"/>
            <a:ext cx="2257770" cy="305146"/>
          </a:xfrm>
        </p:spPr>
        <p:txBody>
          <a:bodyPr anchor="ctr">
            <a:normAutofit/>
          </a:bodyPr>
          <a:lstStyle>
            <a:lvl1pPr marL="0" indent="0">
              <a:buNone/>
              <a:defRPr sz="1400" b="0">
                <a:solidFill>
                  <a:schemeClr val="tx1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endParaRPr lang="nb-NO" dirty="0"/>
          </a:p>
        </p:txBody>
      </p:sp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81248" y="1810800"/>
            <a:ext cx="7672551" cy="1616400"/>
          </a:xfrm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  <a:lvl2pPr marL="457200" indent="0">
              <a:buNone/>
              <a:defRPr>
                <a:solidFill>
                  <a:schemeClr val="tx1"/>
                </a:solidFill>
              </a:defRPr>
            </a:lvl2pPr>
            <a:lvl3pPr marL="914400" indent="0">
              <a:buNone/>
              <a:defRPr>
                <a:solidFill>
                  <a:schemeClr val="tx1"/>
                </a:solidFill>
              </a:defRPr>
            </a:lvl3pPr>
            <a:lvl4pPr marL="1371600" indent="0">
              <a:buNone/>
              <a:defRPr>
                <a:solidFill>
                  <a:schemeClr val="tx1"/>
                </a:solidFill>
              </a:defRPr>
            </a:lvl4pPr>
            <a:lvl5pPr marL="1828800" indent="0">
              <a:buNone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A8F5ABCB-B313-1B70-483C-47C8FDC3FAA9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9622800" y="3542400"/>
            <a:ext cx="2232000" cy="2790000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8" name="Plassholder for innhold 2">
            <a:extLst>
              <a:ext uri="{FF2B5EF4-FFF2-40B4-BE49-F238E27FC236}">
                <a16:creationId xmlns:a16="http://schemas.microsoft.com/office/drawing/2014/main" id="{D63BF8F7-D367-F9E9-DE80-87DE7C433803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3681247" y="3909600"/>
            <a:ext cx="5752800" cy="2448000"/>
          </a:xfrm>
        </p:spPr>
        <p:txBody>
          <a:bodyPr/>
          <a:lstStyle>
            <a:lvl1pPr marL="0" indent="0">
              <a:buNone/>
              <a:defRPr>
                <a:solidFill>
                  <a:schemeClr val="tx1"/>
                </a:solidFill>
              </a:defRPr>
            </a:lvl1pPr>
            <a:lvl2pPr marL="457200" indent="0">
              <a:buNone/>
              <a:defRPr>
                <a:solidFill>
                  <a:schemeClr val="tx1"/>
                </a:solidFill>
              </a:defRPr>
            </a:lvl2pPr>
            <a:lvl3pPr marL="914400" indent="0">
              <a:buNone/>
              <a:defRPr>
                <a:solidFill>
                  <a:schemeClr val="tx1"/>
                </a:solidFill>
              </a:defRPr>
            </a:lvl3pPr>
            <a:lvl4pPr marL="1371600" indent="0">
              <a:buNone/>
              <a:defRPr>
                <a:solidFill>
                  <a:schemeClr val="tx1"/>
                </a:solidFill>
              </a:defRPr>
            </a:lvl4pPr>
            <a:lvl5pPr marL="1828800" indent="0">
              <a:buNone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5ED69F17-B5E0-6A62-BB97-2C8F42A7C954}"/>
              </a:ext>
            </a:extLst>
          </p:cNvPr>
          <p:cNvSpPr txBox="1"/>
          <p:nvPr userDrawn="1"/>
        </p:nvSpPr>
        <p:spPr>
          <a:xfrm>
            <a:off x="3679199" y="1441885"/>
            <a:ext cx="275571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800" b="1" dirty="0">
                <a:solidFill>
                  <a:schemeClr val="tx1"/>
                </a:solidFill>
              </a:rPr>
              <a:t>Om prosjekte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F8D9D0E-536A-9035-B0A9-B21DCF1C9722}"/>
              </a:ext>
            </a:extLst>
          </p:cNvPr>
          <p:cNvSpPr txBox="1"/>
          <p:nvPr userDrawn="1"/>
        </p:nvSpPr>
        <p:spPr>
          <a:xfrm>
            <a:off x="3679199" y="3543993"/>
            <a:ext cx="275571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800" b="1" dirty="0">
                <a:solidFill>
                  <a:schemeClr val="tx1"/>
                </a:solidFill>
              </a:rPr>
              <a:t>Vårt arbeidsomfang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CA139F6-DA7D-58A5-4C06-2F3362DBEE06}"/>
              </a:ext>
            </a:extLst>
          </p:cNvPr>
          <p:cNvSpPr txBox="1"/>
          <p:nvPr userDrawn="1"/>
        </p:nvSpPr>
        <p:spPr>
          <a:xfrm>
            <a:off x="337200" y="5050800"/>
            <a:ext cx="903771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400" b="1" dirty="0">
                <a:solidFill>
                  <a:schemeClr val="tx1"/>
                </a:solidFill>
              </a:rPr>
              <a:t>Kunde</a:t>
            </a:r>
          </a:p>
        </p:txBody>
      </p:sp>
      <p:sp>
        <p:nvSpPr>
          <p:cNvPr id="14" name="Plassholder for tekst 20">
            <a:extLst>
              <a:ext uri="{FF2B5EF4-FFF2-40B4-BE49-F238E27FC236}">
                <a16:creationId xmlns:a16="http://schemas.microsoft.com/office/drawing/2014/main" id="{3172713F-389C-FEB2-6C74-5E1F395F33E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1243019" y="5554691"/>
            <a:ext cx="2249476" cy="303999"/>
          </a:xfrm>
        </p:spPr>
        <p:txBody>
          <a:bodyPr anchor="ctr">
            <a:normAutofit/>
          </a:bodyPr>
          <a:lstStyle>
            <a:lvl1pPr marL="0" indent="0">
              <a:buNone/>
              <a:defRPr sz="1400" b="0">
                <a:solidFill>
                  <a:schemeClr val="tx1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endParaRPr lang="nb-NO" dirty="0"/>
          </a:p>
        </p:txBody>
      </p:sp>
      <p:sp>
        <p:nvSpPr>
          <p:cNvPr id="15" name="Plassholder for tekst 20">
            <a:extLst>
              <a:ext uri="{FF2B5EF4-FFF2-40B4-BE49-F238E27FC236}">
                <a16:creationId xmlns:a16="http://schemas.microsoft.com/office/drawing/2014/main" id="{26CA91C1-CCCD-EE15-672F-BFD3F0483EE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243018" y="6051028"/>
            <a:ext cx="2249476" cy="312702"/>
          </a:xfrm>
        </p:spPr>
        <p:txBody>
          <a:bodyPr anchor="ctr">
            <a:normAutofit/>
          </a:bodyPr>
          <a:lstStyle>
            <a:lvl1pPr marL="0" indent="0">
              <a:buNone/>
              <a:defRPr sz="1400" b="0">
                <a:solidFill>
                  <a:schemeClr val="tx1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endParaRPr lang="nb-NO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2C71266-A1FE-C02A-12B7-48309B27E717}"/>
              </a:ext>
            </a:extLst>
          </p:cNvPr>
          <p:cNvSpPr txBox="1"/>
          <p:nvPr userDrawn="1"/>
        </p:nvSpPr>
        <p:spPr>
          <a:xfrm>
            <a:off x="337200" y="6054806"/>
            <a:ext cx="903771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400" b="1" dirty="0">
                <a:solidFill>
                  <a:schemeClr val="tx1"/>
                </a:solidFill>
              </a:rPr>
              <a:t>Periode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6C87B7BE-C8DA-7E36-6C13-5DB2DC3203BC}"/>
              </a:ext>
            </a:extLst>
          </p:cNvPr>
          <p:cNvSpPr txBox="1"/>
          <p:nvPr userDrawn="1"/>
        </p:nvSpPr>
        <p:spPr>
          <a:xfrm>
            <a:off x="337200" y="5550914"/>
            <a:ext cx="903771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400" b="1" dirty="0">
                <a:solidFill>
                  <a:schemeClr val="tx1"/>
                </a:solidFill>
              </a:rPr>
              <a:t>Lokasjon</a:t>
            </a:r>
          </a:p>
        </p:txBody>
      </p:sp>
    </p:spTree>
    <p:extLst>
      <p:ext uri="{BB962C8B-B14F-4D97-AF65-F5344CB8AC3E}">
        <p14:creationId xmlns:p14="http://schemas.microsoft.com/office/powerpoint/2010/main" val="15982000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lassholder for bilde 8">
            <a:extLst>
              <a:ext uri="{FF2B5EF4-FFF2-40B4-BE49-F238E27FC236}">
                <a16:creationId xmlns:a16="http://schemas.microsoft.com/office/drawing/2014/main" id="{B9831464-154F-E956-C1C1-E16F6FD049E8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1" y="2790497"/>
            <a:ext cx="12192000" cy="4067503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3" name="Tittel 1">
            <a:extLst>
              <a:ext uri="{FF2B5EF4-FFF2-40B4-BE49-F238E27FC236}">
                <a16:creationId xmlns:a16="http://schemas.microsoft.com/office/drawing/2014/main" id="{FC4E12D4-2910-C843-6B71-7F46BA225FF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199" y="361508"/>
            <a:ext cx="6222999" cy="844554"/>
          </a:xfrm>
        </p:spPr>
        <p:txBody>
          <a:bodyPr anchor="t"/>
          <a:lstStyle/>
          <a:p>
            <a:r>
              <a:rPr lang="nb-NO" dirty="0" err="1"/>
              <a:t>Prosjektslide</a:t>
            </a:r>
            <a:endParaRPr lang="nb-NO" dirty="0"/>
          </a:p>
        </p:txBody>
      </p:sp>
      <p:sp>
        <p:nvSpPr>
          <p:cNvPr id="14" name="Plassholder for tekst 13">
            <a:extLst>
              <a:ext uri="{FF2B5EF4-FFF2-40B4-BE49-F238E27FC236}">
                <a16:creationId xmlns:a16="http://schemas.microsoft.com/office/drawing/2014/main" id="{1F46AC2E-11CB-3AD3-ACA3-4856E9C8F3D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38200" y="1308100"/>
            <a:ext cx="6223000" cy="1266825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for å redigere tekststiler i malen.</a:t>
            </a:r>
          </a:p>
        </p:txBody>
      </p:sp>
      <p:sp>
        <p:nvSpPr>
          <p:cNvPr id="24" name="Plassholder for tekst 6">
            <a:extLst>
              <a:ext uri="{FF2B5EF4-FFF2-40B4-BE49-F238E27FC236}">
                <a16:creationId xmlns:a16="http://schemas.microsoft.com/office/drawing/2014/main" id="{32ADAEF7-4462-FD27-0E7E-93A9904249C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8434456" y="388784"/>
            <a:ext cx="3306829" cy="370621"/>
          </a:xfrm>
        </p:spPr>
        <p:txBody>
          <a:bodyPr>
            <a:noAutofit/>
          </a:bodyPr>
          <a:lstStyle>
            <a:lvl1pPr marL="0" indent="0">
              <a:buNone/>
              <a:defRPr sz="1200"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9" name="TekstSylinder 28">
            <a:extLst>
              <a:ext uri="{FF2B5EF4-FFF2-40B4-BE49-F238E27FC236}">
                <a16:creationId xmlns:a16="http://schemas.microsoft.com/office/drawing/2014/main" id="{AE065677-ED40-1852-ECB2-00B28686E4CD}"/>
              </a:ext>
            </a:extLst>
          </p:cNvPr>
          <p:cNvSpPr txBox="1"/>
          <p:nvPr userDrawn="1"/>
        </p:nvSpPr>
        <p:spPr>
          <a:xfrm>
            <a:off x="7190177" y="363455"/>
            <a:ext cx="109778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200" b="1" dirty="0"/>
              <a:t>Kunde</a:t>
            </a:r>
          </a:p>
        </p:txBody>
      </p:sp>
      <p:sp>
        <p:nvSpPr>
          <p:cNvPr id="38" name="TekstSylinder 37">
            <a:extLst>
              <a:ext uri="{FF2B5EF4-FFF2-40B4-BE49-F238E27FC236}">
                <a16:creationId xmlns:a16="http://schemas.microsoft.com/office/drawing/2014/main" id="{7FB1D602-A67B-61D3-5B77-54F01ADC8EE6}"/>
              </a:ext>
            </a:extLst>
          </p:cNvPr>
          <p:cNvSpPr txBox="1"/>
          <p:nvPr userDrawn="1"/>
        </p:nvSpPr>
        <p:spPr>
          <a:xfrm>
            <a:off x="7190177" y="800836"/>
            <a:ext cx="109778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200" b="1" dirty="0"/>
              <a:t>Lokasjon</a:t>
            </a:r>
          </a:p>
        </p:txBody>
      </p:sp>
      <p:sp>
        <p:nvSpPr>
          <p:cNvPr id="39" name="TekstSylinder 38">
            <a:extLst>
              <a:ext uri="{FF2B5EF4-FFF2-40B4-BE49-F238E27FC236}">
                <a16:creationId xmlns:a16="http://schemas.microsoft.com/office/drawing/2014/main" id="{5071A402-4FC7-9339-F013-53A7B239324A}"/>
              </a:ext>
            </a:extLst>
          </p:cNvPr>
          <p:cNvSpPr txBox="1"/>
          <p:nvPr userDrawn="1"/>
        </p:nvSpPr>
        <p:spPr>
          <a:xfrm>
            <a:off x="7190177" y="1238217"/>
            <a:ext cx="109778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200" b="1" dirty="0"/>
              <a:t>Tidsperiode</a:t>
            </a:r>
          </a:p>
        </p:txBody>
      </p:sp>
      <p:sp>
        <p:nvSpPr>
          <p:cNvPr id="40" name="TekstSylinder 39">
            <a:extLst>
              <a:ext uri="{FF2B5EF4-FFF2-40B4-BE49-F238E27FC236}">
                <a16:creationId xmlns:a16="http://schemas.microsoft.com/office/drawing/2014/main" id="{90CAF9F3-3417-E0E4-C810-5B6735044A89}"/>
              </a:ext>
            </a:extLst>
          </p:cNvPr>
          <p:cNvSpPr txBox="1"/>
          <p:nvPr userDrawn="1"/>
        </p:nvSpPr>
        <p:spPr>
          <a:xfrm>
            <a:off x="7190177" y="1670977"/>
            <a:ext cx="109778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200" b="1" dirty="0"/>
              <a:t>Nøkkeltall</a:t>
            </a:r>
          </a:p>
        </p:txBody>
      </p:sp>
      <p:sp>
        <p:nvSpPr>
          <p:cNvPr id="41" name="TekstSylinder 40">
            <a:extLst>
              <a:ext uri="{FF2B5EF4-FFF2-40B4-BE49-F238E27FC236}">
                <a16:creationId xmlns:a16="http://schemas.microsoft.com/office/drawing/2014/main" id="{46B495B9-AAB2-F3DC-EA19-614334F31D02}"/>
              </a:ext>
            </a:extLst>
          </p:cNvPr>
          <p:cNvSpPr txBox="1"/>
          <p:nvPr userDrawn="1"/>
        </p:nvSpPr>
        <p:spPr>
          <a:xfrm>
            <a:off x="7190177" y="2103737"/>
            <a:ext cx="109778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200" b="1" dirty="0"/>
              <a:t>Kompetanse</a:t>
            </a:r>
          </a:p>
        </p:txBody>
      </p:sp>
      <p:sp>
        <p:nvSpPr>
          <p:cNvPr id="42" name="Plassholder for tekst 6">
            <a:extLst>
              <a:ext uri="{FF2B5EF4-FFF2-40B4-BE49-F238E27FC236}">
                <a16:creationId xmlns:a16="http://schemas.microsoft.com/office/drawing/2014/main" id="{053B35F0-6A51-9B3E-4289-0AE089F2C8BC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8434456" y="826529"/>
            <a:ext cx="3306829" cy="370621"/>
          </a:xfrm>
        </p:spPr>
        <p:txBody>
          <a:bodyPr>
            <a:noAutofit/>
          </a:bodyPr>
          <a:lstStyle>
            <a:lvl1pPr marL="0" indent="0">
              <a:buNone/>
              <a:defRPr sz="1200"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3" name="Plassholder for tekst 6">
            <a:extLst>
              <a:ext uri="{FF2B5EF4-FFF2-40B4-BE49-F238E27FC236}">
                <a16:creationId xmlns:a16="http://schemas.microsoft.com/office/drawing/2014/main" id="{14AD1753-F5FA-3CB3-B63D-B3BD4C75AF9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8434456" y="1264274"/>
            <a:ext cx="3306829" cy="370621"/>
          </a:xfrm>
        </p:spPr>
        <p:txBody>
          <a:bodyPr>
            <a:noAutofit/>
          </a:bodyPr>
          <a:lstStyle>
            <a:lvl1pPr marL="0" indent="0">
              <a:buNone/>
              <a:defRPr sz="1200"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4" name="Plassholder for tekst 6">
            <a:extLst>
              <a:ext uri="{FF2B5EF4-FFF2-40B4-BE49-F238E27FC236}">
                <a16:creationId xmlns:a16="http://schemas.microsoft.com/office/drawing/2014/main" id="{F9E598C6-9766-0C85-9BCB-082B987576A0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8434456" y="1692290"/>
            <a:ext cx="3306829" cy="370621"/>
          </a:xfrm>
        </p:spPr>
        <p:txBody>
          <a:bodyPr>
            <a:noAutofit/>
          </a:bodyPr>
          <a:lstStyle>
            <a:lvl1pPr marL="0" indent="0">
              <a:buNone/>
              <a:defRPr sz="1200"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5" name="Plassholder for tekst 6">
            <a:extLst>
              <a:ext uri="{FF2B5EF4-FFF2-40B4-BE49-F238E27FC236}">
                <a16:creationId xmlns:a16="http://schemas.microsoft.com/office/drawing/2014/main" id="{228F7B2F-F0F1-A66B-EB62-1D1E222FB68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8434456" y="2130034"/>
            <a:ext cx="3306829" cy="370621"/>
          </a:xfrm>
        </p:spPr>
        <p:txBody>
          <a:bodyPr>
            <a:noAutofit/>
          </a:bodyPr>
          <a:lstStyle>
            <a:lvl1pPr marL="0" indent="0">
              <a:buNone/>
              <a:defRPr sz="1200"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grpSp>
        <p:nvGrpSpPr>
          <p:cNvPr id="55" name="Gruppe 54">
            <a:extLst>
              <a:ext uri="{FF2B5EF4-FFF2-40B4-BE49-F238E27FC236}">
                <a16:creationId xmlns:a16="http://schemas.microsoft.com/office/drawing/2014/main" id="{662C8179-9DA9-BF77-50CE-CA4954527754}"/>
              </a:ext>
            </a:extLst>
          </p:cNvPr>
          <p:cNvGrpSpPr/>
          <p:nvPr userDrawn="1"/>
        </p:nvGrpSpPr>
        <p:grpSpPr>
          <a:xfrm>
            <a:off x="8416943" y="357215"/>
            <a:ext cx="3324342" cy="1762003"/>
            <a:chOff x="8434456" y="341734"/>
            <a:chExt cx="4094770" cy="1762003"/>
          </a:xfrm>
        </p:grpSpPr>
        <p:cxnSp>
          <p:nvCxnSpPr>
            <p:cNvPr id="23" name="Rett linje 22">
              <a:extLst>
                <a:ext uri="{FF2B5EF4-FFF2-40B4-BE49-F238E27FC236}">
                  <a16:creationId xmlns:a16="http://schemas.microsoft.com/office/drawing/2014/main" id="{CB71CE1A-3AB3-EFFD-EC18-D6F73CBC967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434456" y="2092713"/>
              <a:ext cx="4094770" cy="11024"/>
            </a:xfrm>
            <a:prstGeom prst="line">
              <a:avLst/>
            </a:prstGeom>
            <a:ln>
              <a:solidFill>
                <a:schemeClr val="accent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1" name="Rett linje 50">
              <a:extLst>
                <a:ext uri="{FF2B5EF4-FFF2-40B4-BE49-F238E27FC236}">
                  <a16:creationId xmlns:a16="http://schemas.microsoft.com/office/drawing/2014/main" id="{F7D0EF3A-6410-EA50-5AA6-1EBF985B137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434456" y="1645240"/>
              <a:ext cx="4094770" cy="11024"/>
            </a:xfrm>
            <a:prstGeom prst="line">
              <a:avLst/>
            </a:prstGeom>
            <a:ln>
              <a:solidFill>
                <a:schemeClr val="accent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2" name="Rett linje 51">
              <a:extLst>
                <a:ext uri="{FF2B5EF4-FFF2-40B4-BE49-F238E27FC236}">
                  <a16:creationId xmlns:a16="http://schemas.microsoft.com/office/drawing/2014/main" id="{73F640F9-A628-FD34-AEB7-BD618E2935B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434456" y="1217223"/>
              <a:ext cx="4094770" cy="11024"/>
            </a:xfrm>
            <a:prstGeom prst="line">
              <a:avLst/>
            </a:prstGeom>
            <a:ln>
              <a:solidFill>
                <a:schemeClr val="accent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3" name="Rett linje 52">
              <a:extLst>
                <a:ext uri="{FF2B5EF4-FFF2-40B4-BE49-F238E27FC236}">
                  <a16:creationId xmlns:a16="http://schemas.microsoft.com/office/drawing/2014/main" id="{A58E8E77-F068-768F-A73D-61F944508FE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434456" y="779478"/>
              <a:ext cx="4094770" cy="11024"/>
            </a:xfrm>
            <a:prstGeom prst="line">
              <a:avLst/>
            </a:prstGeom>
            <a:ln>
              <a:solidFill>
                <a:schemeClr val="accent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Rett linje 53">
              <a:extLst>
                <a:ext uri="{FF2B5EF4-FFF2-40B4-BE49-F238E27FC236}">
                  <a16:creationId xmlns:a16="http://schemas.microsoft.com/office/drawing/2014/main" id="{CC5ABC81-B3C5-90F9-8C87-F7ABA75C4A23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434456" y="341734"/>
              <a:ext cx="4094770" cy="11024"/>
            </a:xfrm>
            <a:prstGeom prst="line">
              <a:avLst/>
            </a:prstGeom>
            <a:ln>
              <a:solidFill>
                <a:schemeClr val="accent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56" name="TekstSylinder 55">
            <a:extLst>
              <a:ext uri="{FF2B5EF4-FFF2-40B4-BE49-F238E27FC236}">
                <a16:creationId xmlns:a16="http://schemas.microsoft.com/office/drawing/2014/main" id="{FE4504B8-F5FE-A613-6F29-46784AE678CC}"/>
              </a:ext>
            </a:extLst>
          </p:cNvPr>
          <p:cNvSpPr txBox="1"/>
          <p:nvPr userDrawn="1"/>
        </p:nvSpPr>
        <p:spPr>
          <a:xfrm>
            <a:off x="9562289" y="515566"/>
            <a:ext cx="18473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930491583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lassholder for bilde 8">
            <a:extLst>
              <a:ext uri="{FF2B5EF4-FFF2-40B4-BE49-F238E27FC236}">
                <a16:creationId xmlns:a16="http://schemas.microsoft.com/office/drawing/2014/main" id="{B9831464-154F-E956-C1C1-E16F6FD049E8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6095999" y="1"/>
            <a:ext cx="6096001" cy="6858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3" name="Tittel 1">
            <a:extLst>
              <a:ext uri="{FF2B5EF4-FFF2-40B4-BE49-F238E27FC236}">
                <a16:creationId xmlns:a16="http://schemas.microsoft.com/office/drawing/2014/main" id="{FC4E12D4-2910-C843-6B71-7F46BA225FF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199" y="361508"/>
            <a:ext cx="4535773" cy="844554"/>
          </a:xfrm>
        </p:spPr>
        <p:txBody>
          <a:bodyPr anchor="t"/>
          <a:lstStyle/>
          <a:p>
            <a:r>
              <a:rPr lang="nb-NO" dirty="0" err="1"/>
              <a:t>Prosjektslide</a:t>
            </a:r>
            <a:endParaRPr lang="nb-NO" dirty="0"/>
          </a:p>
        </p:txBody>
      </p:sp>
      <p:sp>
        <p:nvSpPr>
          <p:cNvPr id="14" name="Plassholder for tekst 13">
            <a:extLst>
              <a:ext uri="{FF2B5EF4-FFF2-40B4-BE49-F238E27FC236}">
                <a16:creationId xmlns:a16="http://schemas.microsoft.com/office/drawing/2014/main" id="{1F46AC2E-11CB-3AD3-ACA3-4856E9C8F3D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38200" y="1308100"/>
            <a:ext cx="4535774" cy="2207093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for å redigere tekststiler i malen.</a:t>
            </a:r>
          </a:p>
        </p:txBody>
      </p:sp>
      <p:sp>
        <p:nvSpPr>
          <p:cNvPr id="4" name="Plassholder for tekst 13">
            <a:extLst>
              <a:ext uri="{FF2B5EF4-FFF2-40B4-BE49-F238E27FC236}">
                <a16:creationId xmlns:a16="http://schemas.microsoft.com/office/drawing/2014/main" id="{43B2B969-163F-2EF6-06E1-A79D5B1C07B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38200" y="3639070"/>
            <a:ext cx="4535774" cy="2207093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for å redigere tekststiler i malen.</a:t>
            </a:r>
          </a:p>
        </p:txBody>
      </p:sp>
      <p:sp>
        <p:nvSpPr>
          <p:cNvPr id="10" name="Plassholder for tekst 9">
            <a:extLst>
              <a:ext uri="{FF2B5EF4-FFF2-40B4-BE49-F238E27FC236}">
                <a16:creationId xmlns:a16="http://schemas.microsoft.com/office/drawing/2014/main" id="{5B92D9CA-6F28-C9F4-F4B4-404A963237D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536617" y="361509"/>
            <a:ext cx="5317176" cy="844554"/>
          </a:xfrm>
        </p:spPr>
        <p:txBody>
          <a:bodyPr>
            <a:noAutofit/>
          </a:bodyPr>
          <a:lstStyle>
            <a:lvl1pPr marL="0" indent="0">
              <a:buNone/>
              <a:defRPr sz="1200" b="1">
                <a:solidFill>
                  <a:schemeClr val="bg1"/>
                </a:solidFill>
              </a:defRPr>
            </a:lvl1pPr>
            <a:lvl2pPr marL="457200" indent="0">
              <a:buNone/>
              <a:defRPr sz="1200" b="1"/>
            </a:lvl2pPr>
            <a:lvl3pPr marL="914400" indent="0">
              <a:buNone/>
              <a:defRPr sz="1200" b="1"/>
            </a:lvl3pPr>
            <a:lvl4pPr marL="1371600" indent="0">
              <a:buNone/>
              <a:defRPr sz="1200" b="1"/>
            </a:lvl4pPr>
            <a:lvl5pPr marL="1828800" indent="0">
              <a:buNone/>
              <a:defRPr sz="1200" b="1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04966996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3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Plassholder for bilde 39">
            <a:extLst>
              <a:ext uri="{FF2B5EF4-FFF2-40B4-BE49-F238E27FC236}">
                <a16:creationId xmlns:a16="http://schemas.microsoft.com/office/drawing/2014/main" id="{61018F99-88B1-C1B2-F9DD-3C5EE03C6DF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338208" y="352152"/>
            <a:ext cx="11515743" cy="5498937"/>
          </a:xfrm>
          <a:custGeom>
            <a:avLst/>
            <a:gdLst>
              <a:gd name="connsiteX0" fmla="*/ 1164080 w 11515743"/>
              <a:gd name="connsiteY0" fmla="*/ 0 h 5498937"/>
              <a:gd name="connsiteX1" fmla="*/ 8179053 w 11515743"/>
              <a:gd name="connsiteY1" fmla="*/ 0 h 5498937"/>
              <a:gd name="connsiteX2" fmla="*/ 8401820 w 11515743"/>
              <a:gd name="connsiteY2" fmla="*/ 222693 h 5498937"/>
              <a:gd name="connsiteX3" fmla="*/ 8401820 w 11515743"/>
              <a:gd name="connsiteY3" fmla="*/ 925341 h 5498937"/>
              <a:gd name="connsiteX4" fmla="*/ 8815606 w 11515743"/>
              <a:gd name="connsiteY4" fmla="*/ 1039935 h 5498937"/>
              <a:gd name="connsiteX5" fmla="*/ 9374882 w 11515743"/>
              <a:gd name="connsiteY5" fmla="*/ 108100 h 5498937"/>
              <a:gd name="connsiteX6" fmla="*/ 9565900 w 11515743"/>
              <a:gd name="connsiteY6" fmla="*/ 0 h 5498937"/>
              <a:gd name="connsiteX7" fmla="*/ 11292976 w 11515743"/>
              <a:gd name="connsiteY7" fmla="*/ 0 h 5498937"/>
              <a:gd name="connsiteX8" fmla="*/ 11515743 w 11515743"/>
              <a:gd name="connsiteY8" fmla="*/ 222693 h 5498937"/>
              <a:gd name="connsiteX9" fmla="*/ 11515743 w 11515743"/>
              <a:gd name="connsiteY9" fmla="*/ 3707595 h 5498937"/>
              <a:gd name="connsiteX10" fmla="*/ 11483732 w 11515743"/>
              <a:gd name="connsiteY10" fmla="*/ 3822556 h 5498937"/>
              <a:gd name="connsiteX11" fmla="*/ 10537757 w 11515743"/>
              <a:gd name="connsiteY11" fmla="*/ 5391204 h 5498937"/>
              <a:gd name="connsiteX12" fmla="*/ 10347000 w 11515743"/>
              <a:gd name="connsiteY12" fmla="*/ 5498937 h 5498937"/>
              <a:gd name="connsiteX13" fmla="*/ 222767 w 11515743"/>
              <a:gd name="connsiteY13" fmla="*/ 5498937 h 5498937"/>
              <a:gd name="connsiteX14" fmla="*/ 0 w 11515743"/>
              <a:gd name="connsiteY14" fmla="*/ 5276243 h 5498937"/>
              <a:gd name="connsiteX15" fmla="*/ 0 w 11515743"/>
              <a:gd name="connsiteY15" fmla="*/ 1791080 h 5498937"/>
              <a:gd name="connsiteX16" fmla="*/ 31749 w 11515743"/>
              <a:gd name="connsiteY16" fmla="*/ 1676486 h 5498937"/>
              <a:gd name="connsiteX17" fmla="*/ 973062 w 11515743"/>
              <a:gd name="connsiteY17" fmla="*/ 108100 h 5498937"/>
              <a:gd name="connsiteX18" fmla="*/ 1164080 w 11515743"/>
              <a:gd name="connsiteY18" fmla="*/ 0 h 54989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11515743" h="5498937">
                <a:moveTo>
                  <a:pt x="1164080" y="0"/>
                </a:moveTo>
                <a:lnTo>
                  <a:pt x="8179053" y="0"/>
                </a:lnTo>
                <a:cubicBezTo>
                  <a:pt x="8302067" y="0"/>
                  <a:pt x="8401820" y="99720"/>
                  <a:pt x="8401820" y="222693"/>
                </a:cubicBezTo>
                <a:lnTo>
                  <a:pt x="8401820" y="925341"/>
                </a:lnTo>
                <a:cubicBezTo>
                  <a:pt x="8401820" y="1151229"/>
                  <a:pt x="8699349" y="1233613"/>
                  <a:pt x="8815606" y="1039935"/>
                </a:cubicBezTo>
                <a:lnTo>
                  <a:pt x="9374882" y="108100"/>
                </a:lnTo>
                <a:cubicBezTo>
                  <a:pt x="9415118" y="41061"/>
                  <a:pt x="9487628" y="0"/>
                  <a:pt x="9565900" y="0"/>
                </a:cubicBezTo>
                <a:lnTo>
                  <a:pt x="11292976" y="0"/>
                </a:lnTo>
                <a:cubicBezTo>
                  <a:pt x="11415990" y="0"/>
                  <a:pt x="11515743" y="99720"/>
                  <a:pt x="11515743" y="222693"/>
                </a:cubicBezTo>
                <a:lnTo>
                  <a:pt x="11515743" y="3707595"/>
                </a:lnTo>
                <a:cubicBezTo>
                  <a:pt x="11515743" y="3748080"/>
                  <a:pt x="11504636" y="3787832"/>
                  <a:pt x="11483732" y="3822556"/>
                </a:cubicBezTo>
                <a:lnTo>
                  <a:pt x="10537757" y="5391204"/>
                </a:lnTo>
                <a:cubicBezTo>
                  <a:pt x="10497468" y="5458086"/>
                  <a:pt x="10425063" y="5498937"/>
                  <a:pt x="10347000" y="5498937"/>
                </a:cubicBezTo>
                <a:lnTo>
                  <a:pt x="222767" y="5498937"/>
                </a:lnTo>
                <a:cubicBezTo>
                  <a:pt x="99753" y="5498937"/>
                  <a:pt x="0" y="5399217"/>
                  <a:pt x="0" y="5276243"/>
                </a:cubicBezTo>
                <a:lnTo>
                  <a:pt x="0" y="1791080"/>
                </a:lnTo>
                <a:cubicBezTo>
                  <a:pt x="0" y="1750700"/>
                  <a:pt x="11002" y="1711105"/>
                  <a:pt x="31749" y="1676486"/>
                </a:cubicBezTo>
                <a:lnTo>
                  <a:pt x="973062" y="108100"/>
                </a:lnTo>
                <a:cubicBezTo>
                  <a:pt x="1013298" y="41061"/>
                  <a:pt x="1085808" y="0"/>
                  <a:pt x="1164080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nb-NO" dirty="0"/>
          </a:p>
        </p:txBody>
      </p:sp>
      <p:pic>
        <p:nvPicPr>
          <p:cNvPr id="41" name="Bilde 40">
            <a:extLst>
              <a:ext uri="{FF2B5EF4-FFF2-40B4-BE49-F238E27FC236}">
                <a16:creationId xmlns:a16="http://schemas.microsoft.com/office/drawing/2014/main" id="{59A61231-5D90-F084-BD09-FB9296AC37C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2" name="Tittel 1">
            <a:extLst>
              <a:ext uri="{FF2B5EF4-FFF2-40B4-BE49-F238E27FC236}">
                <a16:creationId xmlns:a16="http://schemas.microsoft.com/office/drawing/2014/main" id="{4BDFA791-EC97-6EA4-F7A5-CD95002DE627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38198" y="3101620"/>
            <a:ext cx="5064761" cy="2387600"/>
          </a:xfrm>
        </p:spPr>
        <p:txBody>
          <a:bodyPr anchor="b">
            <a:normAutofit/>
          </a:bodyPr>
          <a:lstStyle>
            <a:lvl1pPr algn="l">
              <a:defRPr sz="540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318971543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m foredragsho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tel 1">
            <a:extLst>
              <a:ext uri="{FF2B5EF4-FFF2-40B4-BE49-F238E27FC236}">
                <a16:creationId xmlns:a16="http://schemas.microsoft.com/office/drawing/2014/main" id="{FC4E12D4-2910-C843-6B71-7F46BA225FF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81248" y="360000"/>
            <a:ext cx="7672551" cy="936000"/>
          </a:xfrm>
        </p:spPr>
        <p:txBody>
          <a:bodyPr anchor="t"/>
          <a:lstStyle/>
          <a:p>
            <a:r>
              <a:rPr lang="nb-NO" dirty="0"/>
              <a:t>Om foredragsholder</a:t>
            </a:r>
          </a:p>
        </p:txBody>
      </p:sp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8207" y="1440000"/>
            <a:ext cx="2694183" cy="2909398"/>
          </a:xfrm>
          <a:prstGeom prst="roundRect">
            <a:avLst>
              <a:gd name="adj" fmla="val 4964"/>
            </a:avLst>
          </a:prstGeo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1" name="Plassholder for tekst 20">
            <a:extLst>
              <a:ext uri="{FF2B5EF4-FFF2-40B4-BE49-F238E27FC236}">
                <a16:creationId xmlns:a16="http://schemas.microsoft.com/office/drawing/2014/main" id="{A82A8184-0AFF-1FFE-18A6-203D2435BF1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37942" y="4597130"/>
            <a:ext cx="2693987" cy="426603"/>
          </a:xfrm>
        </p:spPr>
        <p:txBody>
          <a:bodyPr anchor="b">
            <a:normAutofit/>
          </a:bodyPr>
          <a:lstStyle>
            <a:lvl1pPr marL="0" indent="0">
              <a:buNone/>
              <a:defRPr sz="2000" b="1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ontaktperson</a:t>
            </a:r>
          </a:p>
        </p:txBody>
      </p:sp>
      <p:sp>
        <p:nvSpPr>
          <p:cNvPr id="22" name="Plassholder for tekst 20">
            <a:extLst>
              <a:ext uri="{FF2B5EF4-FFF2-40B4-BE49-F238E27FC236}">
                <a16:creationId xmlns:a16="http://schemas.microsoft.com/office/drawing/2014/main" id="{045562B0-3961-E9F6-9F99-44DF7D928B4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7942" y="5117392"/>
            <a:ext cx="2693987" cy="913295"/>
          </a:xfrm>
        </p:spPr>
        <p:txBody>
          <a:bodyPr anchor="t">
            <a:normAutofit/>
          </a:bodyPr>
          <a:lstStyle>
            <a:lvl1pPr marL="0" indent="0"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ontaktinfo</a:t>
            </a:r>
          </a:p>
        </p:txBody>
      </p:sp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81248" y="1440000"/>
            <a:ext cx="7672551" cy="4680000"/>
          </a:xfrm>
        </p:spPr>
        <p:txBody>
          <a:bodyPr/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953712064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Blank 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5" name="Plassholder for lysbildenummer 5">
            <a:extLst>
              <a:ext uri="{FF2B5EF4-FFF2-40B4-BE49-F238E27FC236}">
                <a16:creationId xmlns:a16="http://schemas.microsoft.com/office/drawing/2014/main" id="{E1B5B7CF-7BA2-E442-04F2-B2076918AD38}"/>
              </a:ext>
            </a:extLst>
          </p:cNvPr>
          <p:cNvSpPr txBox="1">
            <a:spLocks/>
          </p:cNvSpPr>
          <p:nvPr userDrawn="1"/>
        </p:nvSpPr>
        <p:spPr>
          <a:xfrm>
            <a:off x="257959" y="6349958"/>
            <a:ext cx="580241" cy="293066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nb-NO"/>
            </a:defPPr>
            <a:lvl1pPr marL="0" algn="ctr" defTabSz="914400" rtl="0" eaLnBrk="1" latinLnBrk="0" hangingPunct="1"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fld id="{502DFABF-B9DB-8346-B5EB-835D7B8DCD1D}" type="slidenum">
              <a:rPr lang="nb-NO" smtClean="0"/>
              <a:pPr algn="l"/>
              <a:t>‹#›</a:t>
            </a:fld>
            <a:endParaRPr lang="nb-NO" dirty="0"/>
          </a:p>
        </p:txBody>
      </p:sp>
      <p:pic>
        <p:nvPicPr>
          <p:cNvPr id="4" name="Bilde 2">
            <a:extLst>
              <a:ext uri="{FF2B5EF4-FFF2-40B4-BE49-F238E27FC236}">
                <a16:creationId xmlns:a16="http://schemas.microsoft.com/office/drawing/2014/main" id="{128E2646-0177-EEFA-8989-30169F97A4BD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052682" y="2420647"/>
            <a:ext cx="6086635" cy="20167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447926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8199" y="1360903"/>
            <a:ext cx="4864022" cy="2387600"/>
          </a:xfrm>
        </p:spPr>
        <p:txBody>
          <a:bodyPr anchor="b">
            <a:normAutofit/>
          </a:bodyPr>
          <a:lstStyle>
            <a:lvl1pPr algn="l">
              <a:defRPr sz="4400"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38199" y="3840578"/>
            <a:ext cx="4864022" cy="1655762"/>
          </a:xfrm>
        </p:spPr>
        <p:txBody>
          <a:bodyPr>
            <a:normAutofit/>
          </a:bodyPr>
          <a:lstStyle>
            <a:lvl1pPr marL="0" indent="0" algn="l">
              <a:buNone/>
              <a:defRPr sz="20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DCFC6F05-CC25-3847-DE7E-E810DF531BF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402890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3840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8199" y="1360903"/>
            <a:ext cx="4864022" cy="2387600"/>
          </a:xfrm>
        </p:spPr>
        <p:txBody>
          <a:bodyPr anchor="b">
            <a:normAutofit/>
          </a:bodyPr>
          <a:lstStyle>
            <a:lvl1pPr algn="l">
              <a:defRPr sz="4400"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38199" y="3840578"/>
            <a:ext cx="4864022" cy="1655762"/>
          </a:xfrm>
        </p:spPr>
        <p:txBody>
          <a:bodyPr>
            <a:normAutofit/>
          </a:bodyPr>
          <a:lstStyle>
            <a:lvl1pPr marL="0" indent="0" algn="l">
              <a:buNone/>
              <a:defRPr sz="20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10" name="Plassholder for bilde 9">
            <a:extLst>
              <a:ext uri="{FF2B5EF4-FFF2-40B4-BE49-F238E27FC236}">
                <a16:creationId xmlns:a16="http://schemas.microsoft.com/office/drawing/2014/main" id="{A50C5000-837B-92D3-C191-D59E5C8D6E3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380392" y="827691"/>
            <a:ext cx="4971402" cy="4971402"/>
          </a:xfrm>
          <a:custGeom>
            <a:avLst/>
            <a:gdLst>
              <a:gd name="connsiteX0" fmla="*/ 1115078 w 4971402"/>
              <a:gd name="connsiteY0" fmla="*/ 0 h 4971402"/>
              <a:gd name="connsiteX1" fmla="*/ 4758012 w 4971402"/>
              <a:gd name="connsiteY1" fmla="*/ 0 h 4971402"/>
              <a:gd name="connsiteX2" fmla="*/ 4971402 w 4971402"/>
              <a:gd name="connsiteY2" fmla="*/ 213390 h 4971402"/>
              <a:gd name="connsiteX3" fmla="*/ 4971402 w 4971402"/>
              <a:gd name="connsiteY3" fmla="*/ 4758012 h 4971402"/>
              <a:gd name="connsiteX4" fmla="*/ 4758012 w 4971402"/>
              <a:gd name="connsiteY4" fmla="*/ 4971402 h 4971402"/>
              <a:gd name="connsiteX5" fmla="*/ 2201951 w 4971402"/>
              <a:gd name="connsiteY5" fmla="*/ 4971402 h 4971402"/>
              <a:gd name="connsiteX6" fmla="*/ 1988561 w 4971402"/>
              <a:gd name="connsiteY6" fmla="*/ 4758012 h 4971402"/>
              <a:gd name="connsiteX7" fmla="*/ 1988561 w 4971402"/>
              <a:gd name="connsiteY7" fmla="*/ 4084669 h 4971402"/>
              <a:gd name="connsiteX8" fmla="*/ 1592194 w 4971402"/>
              <a:gd name="connsiteY8" fmla="*/ 3974863 h 4971402"/>
              <a:gd name="connsiteX9" fmla="*/ 1056461 w 4971402"/>
              <a:gd name="connsiteY9" fmla="*/ 4867768 h 4971402"/>
              <a:gd name="connsiteX10" fmla="*/ 873483 w 4971402"/>
              <a:gd name="connsiteY10" fmla="*/ 4971352 h 4971402"/>
              <a:gd name="connsiteX11" fmla="*/ 213390 w 4971402"/>
              <a:gd name="connsiteY11" fmla="*/ 4971352 h 4971402"/>
              <a:gd name="connsiteX12" fmla="*/ 0 w 4971402"/>
              <a:gd name="connsiteY12" fmla="*/ 4757962 h 4971402"/>
              <a:gd name="connsiteX13" fmla="*/ 0 w 4971402"/>
              <a:gd name="connsiteY13" fmla="*/ 1716253 h 4971402"/>
              <a:gd name="connsiteX14" fmla="*/ 30413 w 4971402"/>
              <a:gd name="connsiteY14" fmla="*/ 1606446 h 4971402"/>
              <a:gd name="connsiteX15" fmla="*/ 932100 w 4971402"/>
              <a:gd name="connsiteY15" fmla="*/ 103583 h 4971402"/>
              <a:gd name="connsiteX16" fmla="*/ 1115078 w 4971402"/>
              <a:gd name="connsiteY16" fmla="*/ 0 h 497140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4971402" h="4971402">
                <a:moveTo>
                  <a:pt x="1115078" y="0"/>
                </a:moveTo>
                <a:lnTo>
                  <a:pt x="4758012" y="0"/>
                </a:lnTo>
                <a:cubicBezTo>
                  <a:pt x="4875848" y="0"/>
                  <a:pt x="4971402" y="95554"/>
                  <a:pt x="4971402" y="213390"/>
                </a:cubicBezTo>
                <a:lnTo>
                  <a:pt x="4971402" y="4758012"/>
                </a:lnTo>
                <a:cubicBezTo>
                  <a:pt x="4971402" y="4875848"/>
                  <a:pt x="4875848" y="4971402"/>
                  <a:pt x="4758012" y="4971402"/>
                </a:cubicBezTo>
                <a:lnTo>
                  <a:pt x="2201951" y="4971402"/>
                </a:lnTo>
                <a:cubicBezTo>
                  <a:pt x="2084114" y="4971402"/>
                  <a:pt x="1988561" y="4875848"/>
                  <a:pt x="1988561" y="4758012"/>
                </a:cubicBezTo>
                <a:lnTo>
                  <a:pt x="1988561" y="4084669"/>
                </a:lnTo>
                <a:cubicBezTo>
                  <a:pt x="1988561" y="3868268"/>
                  <a:pt x="1703556" y="3789276"/>
                  <a:pt x="1592194" y="3974863"/>
                </a:cubicBezTo>
                <a:lnTo>
                  <a:pt x="1056461" y="4867768"/>
                </a:lnTo>
                <a:cubicBezTo>
                  <a:pt x="1017918" y="4932056"/>
                  <a:pt x="948461" y="4971352"/>
                  <a:pt x="873483" y="4971352"/>
                </a:cubicBezTo>
                <a:lnTo>
                  <a:pt x="213390" y="4971352"/>
                </a:lnTo>
                <a:cubicBezTo>
                  <a:pt x="95554" y="4971352"/>
                  <a:pt x="0" y="4875798"/>
                  <a:pt x="0" y="4757962"/>
                </a:cubicBezTo>
                <a:lnTo>
                  <a:pt x="0" y="1716253"/>
                </a:lnTo>
                <a:cubicBezTo>
                  <a:pt x="0" y="1677559"/>
                  <a:pt x="10489" y="1639619"/>
                  <a:pt x="30413" y="1606446"/>
                </a:cubicBezTo>
                <a:lnTo>
                  <a:pt x="932100" y="103583"/>
                </a:lnTo>
                <a:cubicBezTo>
                  <a:pt x="970693" y="39346"/>
                  <a:pt x="1040150" y="0"/>
                  <a:pt x="1115078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nb-NO"/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DCFC6F05-CC25-3847-DE7E-E810DF531BF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9740111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3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Plassholder for bilde 39">
            <a:extLst>
              <a:ext uri="{FF2B5EF4-FFF2-40B4-BE49-F238E27FC236}">
                <a16:creationId xmlns:a16="http://schemas.microsoft.com/office/drawing/2014/main" id="{61018F99-88B1-C1B2-F9DD-3C5EE03C6DF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338208" y="352152"/>
            <a:ext cx="11515743" cy="5498937"/>
          </a:xfrm>
          <a:custGeom>
            <a:avLst/>
            <a:gdLst>
              <a:gd name="connsiteX0" fmla="*/ 1164080 w 11515743"/>
              <a:gd name="connsiteY0" fmla="*/ 0 h 5498937"/>
              <a:gd name="connsiteX1" fmla="*/ 8179053 w 11515743"/>
              <a:gd name="connsiteY1" fmla="*/ 0 h 5498937"/>
              <a:gd name="connsiteX2" fmla="*/ 8401820 w 11515743"/>
              <a:gd name="connsiteY2" fmla="*/ 222693 h 5498937"/>
              <a:gd name="connsiteX3" fmla="*/ 8401820 w 11515743"/>
              <a:gd name="connsiteY3" fmla="*/ 925341 h 5498937"/>
              <a:gd name="connsiteX4" fmla="*/ 8815606 w 11515743"/>
              <a:gd name="connsiteY4" fmla="*/ 1039935 h 5498937"/>
              <a:gd name="connsiteX5" fmla="*/ 9374882 w 11515743"/>
              <a:gd name="connsiteY5" fmla="*/ 108100 h 5498937"/>
              <a:gd name="connsiteX6" fmla="*/ 9565900 w 11515743"/>
              <a:gd name="connsiteY6" fmla="*/ 0 h 5498937"/>
              <a:gd name="connsiteX7" fmla="*/ 11292976 w 11515743"/>
              <a:gd name="connsiteY7" fmla="*/ 0 h 5498937"/>
              <a:gd name="connsiteX8" fmla="*/ 11515743 w 11515743"/>
              <a:gd name="connsiteY8" fmla="*/ 222693 h 5498937"/>
              <a:gd name="connsiteX9" fmla="*/ 11515743 w 11515743"/>
              <a:gd name="connsiteY9" fmla="*/ 3707595 h 5498937"/>
              <a:gd name="connsiteX10" fmla="*/ 11483732 w 11515743"/>
              <a:gd name="connsiteY10" fmla="*/ 3822556 h 5498937"/>
              <a:gd name="connsiteX11" fmla="*/ 10537757 w 11515743"/>
              <a:gd name="connsiteY11" fmla="*/ 5391204 h 5498937"/>
              <a:gd name="connsiteX12" fmla="*/ 10347000 w 11515743"/>
              <a:gd name="connsiteY12" fmla="*/ 5498937 h 5498937"/>
              <a:gd name="connsiteX13" fmla="*/ 222767 w 11515743"/>
              <a:gd name="connsiteY13" fmla="*/ 5498937 h 5498937"/>
              <a:gd name="connsiteX14" fmla="*/ 0 w 11515743"/>
              <a:gd name="connsiteY14" fmla="*/ 5276243 h 5498937"/>
              <a:gd name="connsiteX15" fmla="*/ 0 w 11515743"/>
              <a:gd name="connsiteY15" fmla="*/ 1791080 h 5498937"/>
              <a:gd name="connsiteX16" fmla="*/ 31749 w 11515743"/>
              <a:gd name="connsiteY16" fmla="*/ 1676486 h 5498937"/>
              <a:gd name="connsiteX17" fmla="*/ 973062 w 11515743"/>
              <a:gd name="connsiteY17" fmla="*/ 108100 h 5498937"/>
              <a:gd name="connsiteX18" fmla="*/ 1164080 w 11515743"/>
              <a:gd name="connsiteY18" fmla="*/ 0 h 54989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11515743" h="5498937">
                <a:moveTo>
                  <a:pt x="1164080" y="0"/>
                </a:moveTo>
                <a:lnTo>
                  <a:pt x="8179053" y="0"/>
                </a:lnTo>
                <a:cubicBezTo>
                  <a:pt x="8302067" y="0"/>
                  <a:pt x="8401820" y="99720"/>
                  <a:pt x="8401820" y="222693"/>
                </a:cubicBezTo>
                <a:lnTo>
                  <a:pt x="8401820" y="925341"/>
                </a:lnTo>
                <a:cubicBezTo>
                  <a:pt x="8401820" y="1151229"/>
                  <a:pt x="8699349" y="1233613"/>
                  <a:pt x="8815606" y="1039935"/>
                </a:cubicBezTo>
                <a:lnTo>
                  <a:pt x="9374882" y="108100"/>
                </a:lnTo>
                <a:cubicBezTo>
                  <a:pt x="9415118" y="41061"/>
                  <a:pt x="9487628" y="0"/>
                  <a:pt x="9565900" y="0"/>
                </a:cubicBezTo>
                <a:lnTo>
                  <a:pt x="11292976" y="0"/>
                </a:lnTo>
                <a:cubicBezTo>
                  <a:pt x="11415990" y="0"/>
                  <a:pt x="11515743" y="99720"/>
                  <a:pt x="11515743" y="222693"/>
                </a:cubicBezTo>
                <a:lnTo>
                  <a:pt x="11515743" y="3707595"/>
                </a:lnTo>
                <a:cubicBezTo>
                  <a:pt x="11515743" y="3748080"/>
                  <a:pt x="11504636" y="3787832"/>
                  <a:pt x="11483732" y="3822556"/>
                </a:cubicBezTo>
                <a:lnTo>
                  <a:pt x="10537757" y="5391204"/>
                </a:lnTo>
                <a:cubicBezTo>
                  <a:pt x="10497468" y="5458086"/>
                  <a:pt x="10425063" y="5498937"/>
                  <a:pt x="10347000" y="5498937"/>
                </a:cubicBezTo>
                <a:lnTo>
                  <a:pt x="222767" y="5498937"/>
                </a:lnTo>
                <a:cubicBezTo>
                  <a:pt x="99753" y="5498937"/>
                  <a:pt x="0" y="5399217"/>
                  <a:pt x="0" y="5276243"/>
                </a:cubicBezTo>
                <a:lnTo>
                  <a:pt x="0" y="1791080"/>
                </a:lnTo>
                <a:cubicBezTo>
                  <a:pt x="0" y="1750700"/>
                  <a:pt x="11002" y="1711105"/>
                  <a:pt x="31749" y="1676486"/>
                </a:cubicBezTo>
                <a:lnTo>
                  <a:pt x="973062" y="108100"/>
                </a:lnTo>
                <a:cubicBezTo>
                  <a:pt x="1013298" y="41061"/>
                  <a:pt x="1085808" y="0"/>
                  <a:pt x="1164080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icon to add picture</a:t>
            </a:r>
            <a:endParaRPr lang="nb-NO" dirty="0"/>
          </a:p>
        </p:txBody>
      </p:sp>
      <p:pic>
        <p:nvPicPr>
          <p:cNvPr id="41" name="Bilde 40">
            <a:extLst>
              <a:ext uri="{FF2B5EF4-FFF2-40B4-BE49-F238E27FC236}">
                <a16:creationId xmlns:a16="http://schemas.microsoft.com/office/drawing/2014/main" id="{59A61231-5D90-F084-BD09-FB9296AC37C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2" name="Tittel 1">
            <a:extLst>
              <a:ext uri="{FF2B5EF4-FFF2-40B4-BE49-F238E27FC236}">
                <a16:creationId xmlns:a16="http://schemas.microsoft.com/office/drawing/2014/main" id="{4BDFA791-EC97-6EA4-F7A5-CD95002DE62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8198" y="3101620"/>
            <a:ext cx="5064761" cy="2387600"/>
          </a:xfrm>
        </p:spPr>
        <p:txBody>
          <a:bodyPr anchor="b">
            <a:normAutofit/>
          </a:bodyPr>
          <a:lstStyle>
            <a:lvl1pPr algn="l">
              <a:defRPr sz="54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9529342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Agenda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ktangel 8">
            <a:extLst>
              <a:ext uri="{FF2B5EF4-FFF2-40B4-BE49-F238E27FC236}">
                <a16:creationId xmlns:a16="http://schemas.microsoft.com/office/drawing/2014/main" id="{4D999934-1CF5-6D77-D7D4-409CEED297DC}"/>
              </a:ext>
            </a:extLst>
          </p:cNvPr>
          <p:cNvSpPr/>
          <p:nvPr userDrawn="1"/>
        </p:nvSpPr>
        <p:spPr>
          <a:xfrm>
            <a:off x="6096000" y="0"/>
            <a:ext cx="6096000" cy="6857999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C738ED5E-9F67-DC18-87A1-32020F0836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1010653"/>
            <a:ext cx="4419599" cy="5166308"/>
          </a:xfrm>
        </p:spPr>
        <p:txBody>
          <a:bodyPr>
            <a:normAutofit/>
          </a:bodyPr>
          <a:lstStyle>
            <a:lvl1pPr algn="l">
              <a:defRPr sz="4800"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DA068950-0913-7A99-7DBF-9B59DC6D1B9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985000" y="1010653"/>
            <a:ext cx="4368799" cy="5166309"/>
          </a:xfrm>
        </p:spPr>
        <p:txBody>
          <a:bodyPr anchor="ctr"/>
          <a:lstStyle>
            <a:lvl1pPr marL="457200" indent="-457200">
              <a:buFont typeface="+mj-lt"/>
              <a:buAutoNum type="arabicPeriod"/>
              <a:defRPr b="1"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</a:lstStyle>
          <a:p>
            <a:pPr lvl="0"/>
            <a:r>
              <a:rPr lang="nb-NO" noProof="0" dirty="0"/>
              <a:t>Skriv agenda her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268CBF6F-55A0-13CE-2DC8-A91167E1B10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pic>
        <p:nvPicPr>
          <p:cNvPr id="8" name="Bilde 7">
            <a:extLst>
              <a:ext uri="{FF2B5EF4-FFF2-40B4-BE49-F238E27FC236}">
                <a16:creationId xmlns:a16="http://schemas.microsoft.com/office/drawing/2014/main" id="{E015F262-6DD3-9541-48D8-9CCEEA9C5E2D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2436004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llomsli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25724F7B-1D15-0118-D146-2B2E16422B1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2530248"/>
            <a:ext cx="12192000" cy="1797504"/>
          </a:xfrm>
        </p:spPr>
        <p:txBody>
          <a:bodyPr anchor="ctr">
            <a:normAutofit/>
          </a:bodyPr>
          <a:lstStyle>
            <a:lvl1pPr algn="ctr">
              <a:defRPr sz="5400"/>
            </a:lvl1pPr>
          </a:lstStyle>
          <a:p>
            <a:r>
              <a:rPr lang="nb-NO" dirty="0"/>
              <a:t>Klikk for å redigere tittelstil</a:t>
            </a:r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1DDC5DD6-7423-8B16-73AC-BE35C6F0D9B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5623074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llomslide 2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ssholder for bilde 6">
            <a:extLst>
              <a:ext uri="{FF2B5EF4-FFF2-40B4-BE49-F238E27FC236}">
                <a16:creationId xmlns:a16="http://schemas.microsoft.com/office/drawing/2014/main" id="{B74CB703-39D3-7675-1101-34100DC35A39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3082925"/>
            <a:ext cx="12192000" cy="3775075"/>
          </a:xfrm>
        </p:spPr>
        <p:txBody>
          <a:bodyPr anchor="ctr"/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nb-NO" noProof="0" dirty="0"/>
              <a:t>Trykk på ikon for å legge til bilde</a:t>
            </a:r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25724F7B-1D15-0118-D146-2B2E16422B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8207" y="1056173"/>
            <a:ext cx="11515586" cy="1529372"/>
          </a:xfrm>
        </p:spPr>
        <p:txBody>
          <a:bodyPr anchor="b">
            <a:normAutofit/>
          </a:bodyPr>
          <a:lstStyle>
            <a:lvl1pPr algn="l">
              <a:defRPr sz="540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Klikk for å redigere tittelstil</a:t>
            </a:r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1DDC5DD6-7423-8B16-73AC-BE35C6F0D9B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6702328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Mellomslid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8200" y="1039980"/>
            <a:ext cx="10515600" cy="2387600"/>
          </a:xfrm>
        </p:spPr>
        <p:txBody>
          <a:bodyPr anchor="b">
            <a:normAutofit/>
          </a:bodyPr>
          <a:lstStyle>
            <a:lvl1pPr algn="ctr">
              <a:defRPr sz="4400"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838200" y="3599999"/>
            <a:ext cx="10515600" cy="1188000"/>
          </a:xfrm>
        </p:spPr>
        <p:txBody>
          <a:bodyPr>
            <a:normAutofit/>
          </a:bodyPr>
          <a:lstStyle>
            <a:lvl1pPr marL="0" indent="0" algn="ctr">
              <a:buNone/>
              <a:defRPr sz="20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46CAA519-6EDD-239A-178C-6679C82E4B0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4440941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C738ED5E-9F67-DC18-87A1-32020F0836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0000"/>
            <a:ext cx="10515600" cy="936000"/>
          </a:xfrm>
        </p:spPr>
        <p:txBody>
          <a:bodyPr anchor="t">
            <a:normAutofit/>
          </a:bodyPr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DA068950-0913-7A99-7DBF-9B59DC6D1B9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440000"/>
            <a:ext cx="10515600" cy="4608000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5764516E-1D78-40C4-7AF8-F3A34FDF105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0533779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Agenda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ktangel 8">
            <a:extLst>
              <a:ext uri="{FF2B5EF4-FFF2-40B4-BE49-F238E27FC236}">
                <a16:creationId xmlns:a16="http://schemas.microsoft.com/office/drawing/2014/main" id="{4D999934-1CF5-6D77-D7D4-409CEED297DC}"/>
              </a:ext>
            </a:extLst>
          </p:cNvPr>
          <p:cNvSpPr/>
          <p:nvPr userDrawn="1"/>
        </p:nvSpPr>
        <p:spPr>
          <a:xfrm>
            <a:off x="-1" y="1"/>
            <a:ext cx="6096000" cy="685799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C738ED5E-9F67-DC18-87A1-32020F0836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1010653"/>
            <a:ext cx="4419599" cy="5166308"/>
          </a:xfrm>
        </p:spPr>
        <p:txBody>
          <a:bodyPr anchor="ctr">
            <a:normAutofit/>
          </a:bodyPr>
          <a:lstStyle>
            <a:lvl1pPr algn="l">
              <a:defRPr sz="480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DA068950-0913-7A99-7DBF-9B59DC6D1B9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985000" y="1010653"/>
            <a:ext cx="4368799" cy="5166309"/>
          </a:xfrm>
        </p:spPr>
        <p:txBody>
          <a:bodyPr anchor="ctr"/>
          <a:lstStyle>
            <a:lvl1pPr marL="457200" indent="-457200">
              <a:buClr>
                <a:schemeClr val="bg2"/>
              </a:buClr>
              <a:buFont typeface="+mj-lt"/>
              <a:buAutoNum type="arabicPeriod"/>
              <a:defRPr b="1">
                <a:solidFill>
                  <a:schemeClr val="bg1"/>
                </a:solidFill>
              </a:defRPr>
            </a:lvl1pPr>
            <a:lvl2pPr>
              <a:buClr>
                <a:srgbClr val="E98B27"/>
              </a:buClr>
              <a:defRPr>
                <a:solidFill>
                  <a:schemeClr val="bg1"/>
                </a:solidFill>
              </a:defRPr>
            </a:lvl2pPr>
            <a:lvl3pPr>
              <a:buClr>
                <a:srgbClr val="E98B27"/>
              </a:buClr>
              <a:defRPr>
                <a:solidFill>
                  <a:schemeClr val="bg1"/>
                </a:solidFill>
              </a:defRPr>
            </a:lvl3pPr>
            <a:lvl4pPr>
              <a:buClr>
                <a:srgbClr val="E98B27"/>
              </a:buClr>
              <a:defRPr>
                <a:solidFill>
                  <a:schemeClr val="bg1"/>
                </a:solidFill>
              </a:defRPr>
            </a:lvl4pPr>
            <a:lvl5pPr>
              <a:buClr>
                <a:srgbClr val="E98B27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 dirty="0"/>
              <a:t>Skriv agenda her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268CBF6F-55A0-13CE-2DC8-A91167E1B10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827095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2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345AB583-F51C-0E51-DBB0-B36D421888C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440000"/>
            <a:ext cx="5181600" cy="4608000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92ACDFFE-3ED9-C522-5AB0-FCEDCB2ABD9B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2" y="1440000"/>
            <a:ext cx="5181600" cy="4608000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5" name="Bilde 4">
            <a:extLst>
              <a:ext uri="{FF2B5EF4-FFF2-40B4-BE49-F238E27FC236}">
                <a16:creationId xmlns:a16="http://schemas.microsoft.com/office/drawing/2014/main" id="{AD6CB6D7-5FB2-7F4D-F7DF-5195995C97F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1" name="Tittel 1">
            <a:extLst>
              <a:ext uri="{FF2B5EF4-FFF2-40B4-BE49-F238E27FC236}">
                <a16:creationId xmlns:a16="http://schemas.microsoft.com/office/drawing/2014/main" id="{648706EF-12D8-105D-8BF6-35886E4A302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0000"/>
            <a:ext cx="10515600" cy="936000"/>
          </a:xfrm>
        </p:spPr>
        <p:txBody>
          <a:bodyPr anchor="t">
            <a:normAutofit/>
          </a:bodyPr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87284616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3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3014582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4584D2C2-3047-F5B1-9469-B34CB1CAA8D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5197" y="2232000"/>
            <a:ext cx="3014582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4588710" y="1439999"/>
            <a:ext cx="3014582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2" name="Plassholder for innhold 3">
            <a:extLst>
              <a:ext uri="{FF2B5EF4-FFF2-40B4-BE49-F238E27FC236}">
                <a16:creationId xmlns:a16="http://schemas.microsoft.com/office/drawing/2014/main" id="{03BCF634-F098-4E9B-362B-BEC149EF681E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584118" y="2232000"/>
            <a:ext cx="3014582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8337631" y="1439999"/>
            <a:ext cx="3014582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4" name="Plassholder for innhold 3">
            <a:extLst>
              <a:ext uri="{FF2B5EF4-FFF2-40B4-BE49-F238E27FC236}">
                <a16:creationId xmlns:a16="http://schemas.microsoft.com/office/drawing/2014/main" id="{ACFE2AC3-F6C8-83B5-11BA-7BC0E59E0F94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8333039" y="2232000"/>
            <a:ext cx="3014582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1CFFB836-CD90-9417-EC17-355909FE57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0000"/>
            <a:ext cx="10515600" cy="936000"/>
          </a:xfrm>
        </p:spPr>
        <p:txBody>
          <a:bodyPr anchor="t">
            <a:normAutofit/>
          </a:bodyPr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477247513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3 spalter og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noProof="0" dirty="0"/>
              <a:t>H2 Overskrift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4584D2C2-3047-F5B1-9469-B34CB1CAA8D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35197" y="3888000"/>
            <a:ext cx="3014582" cy="2484000"/>
          </a:xfrm>
        </p:spPr>
        <p:txBody>
          <a:bodyPr>
            <a:normAutofit/>
          </a:bodyPr>
          <a:lstStyle>
            <a:lvl1pPr marL="0" indent="0" algn="ctr">
              <a:buFont typeface="Arial" panose="020B0604020202020204" pitchFamily="34" charset="0"/>
              <a:buNone/>
              <a:defRPr sz="21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4588710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noProof="0" dirty="0"/>
              <a:t>H2 Overskrift</a:t>
            </a:r>
          </a:p>
        </p:txBody>
      </p:sp>
      <p:sp>
        <p:nvSpPr>
          <p:cNvPr id="12" name="Plassholder for innhold 3">
            <a:extLst>
              <a:ext uri="{FF2B5EF4-FFF2-40B4-BE49-F238E27FC236}">
                <a16:creationId xmlns:a16="http://schemas.microsoft.com/office/drawing/2014/main" id="{03BCF634-F098-4E9B-362B-BEC149EF681E}"/>
              </a:ext>
            </a:extLst>
          </p:cNvPr>
          <p:cNvSpPr>
            <a:spLocks noGrp="1"/>
          </p:cNvSpPr>
          <p:nvPr>
            <p:ph sz="half" idx="14" hasCustomPrompt="1"/>
          </p:nvPr>
        </p:nvSpPr>
        <p:spPr>
          <a:xfrm>
            <a:off x="4584118" y="3888000"/>
            <a:ext cx="3014582" cy="2484000"/>
          </a:xfrm>
        </p:spPr>
        <p:txBody>
          <a:bodyPr>
            <a:normAutofit/>
          </a:bodyPr>
          <a:lstStyle>
            <a:lvl1pPr marL="0" indent="0" algn="ctr">
              <a:buFont typeface="Arial" panose="020B0604020202020204" pitchFamily="34" charset="0"/>
              <a:buNone/>
              <a:defRPr sz="21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8337631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noProof="0" dirty="0"/>
              <a:t>H2 Overskrift</a:t>
            </a:r>
          </a:p>
        </p:txBody>
      </p:sp>
      <p:sp>
        <p:nvSpPr>
          <p:cNvPr id="14" name="Plassholder for innhold 3">
            <a:extLst>
              <a:ext uri="{FF2B5EF4-FFF2-40B4-BE49-F238E27FC236}">
                <a16:creationId xmlns:a16="http://schemas.microsoft.com/office/drawing/2014/main" id="{ACFE2AC3-F6C8-83B5-11BA-7BC0E59E0F94}"/>
              </a:ext>
            </a:extLst>
          </p:cNvPr>
          <p:cNvSpPr>
            <a:spLocks noGrp="1"/>
          </p:cNvSpPr>
          <p:nvPr>
            <p:ph sz="half" idx="16" hasCustomPrompt="1"/>
          </p:nvPr>
        </p:nvSpPr>
        <p:spPr>
          <a:xfrm>
            <a:off x="8333039" y="3888000"/>
            <a:ext cx="3014582" cy="2484000"/>
          </a:xfrm>
        </p:spPr>
        <p:txBody>
          <a:bodyPr>
            <a:normAutofit/>
          </a:bodyPr>
          <a:lstStyle>
            <a:lvl1pPr marL="0" indent="0" algn="ctr">
              <a:buFont typeface="Arial" panose="020B0604020202020204" pitchFamily="34" charset="0"/>
              <a:buNone/>
              <a:defRPr sz="21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7" name="Plassholder for bilde 7">
            <a:extLst>
              <a:ext uri="{FF2B5EF4-FFF2-40B4-BE49-F238E27FC236}">
                <a16:creationId xmlns:a16="http://schemas.microsoft.com/office/drawing/2014/main" id="{618AC882-4083-2C95-303A-D5492018B521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38800" y="2088000"/>
            <a:ext cx="3023765" cy="1512065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nb-NO" dirty="0"/>
          </a:p>
        </p:txBody>
      </p:sp>
      <p:sp>
        <p:nvSpPr>
          <p:cNvPr id="18" name="Plassholder for bilde 7">
            <a:extLst>
              <a:ext uri="{FF2B5EF4-FFF2-40B4-BE49-F238E27FC236}">
                <a16:creationId xmlns:a16="http://schemas.microsoft.com/office/drawing/2014/main" id="{ADA6C092-FEF8-BBAF-5196-A2F833EC15F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590000" y="2088000"/>
            <a:ext cx="3023765" cy="1512065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nb-NO" dirty="0"/>
          </a:p>
        </p:txBody>
      </p:sp>
      <p:sp>
        <p:nvSpPr>
          <p:cNvPr id="19" name="Plassholder for bilde 7">
            <a:extLst>
              <a:ext uri="{FF2B5EF4-FFF2-40B4-BE49-F238E27FC236}">
                <a16:creationId xmlns:a16="http://schemas.microsoft.com/office/drawing/2014/main" id="{412C321A-A877-0716-1923-34A6F4E9B0A1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8337600" y="2088000"/>
            <a:ext cx="3023765" cy="1512065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84404867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4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A626301B-92ED-FC60-D58E-E83F321FEB0D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9789" y="1440000"/>
            <a:ext cx="2486994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9" name="Plassholder for innhold 3">
            <a:extLst>
              <a:ext uri="{FF2B5EF4-FFF2-40B4-BE49-F238E27FC236}">
                <a16:creationId xmlns:a16="http://schemas.microsoft.com/office/drawing/2014/main" id="{388CF389-7C8D-EEA1-31B4-55442084B28E}"/>
              </a:ext>
            </a:extLst>
          </p:cNvPr>
          <p:cNvSpPr>
            <a:spLocks noGrp="1"/>
          </p:cNvSpPr>
          <p:nvPr>
            <p:ph sz="half" idx="20" hasCustomPrompt="1"/>
          </p:nvPr>
        </p:nvSpPr>
        <p:spPr>
          <a:xfrm>
            <a:off x="839789" y="2232000"/>
            <a:ext cx="2486994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22" name="Plassholder for tekst 2">
            <a:extLst>
              <a:ext uri="{FF2B5EF4-FFF2-40B4-BE49-F238E27FC236}">
                <a16:creationId xmlns:a16="http://schemas.microsoft.com/office/drawing/2014/main" id="{E603E3E6-9E37-E1CB-46F9-01545DE61496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517152" y="1440000"/>
            <a:ext cx="2486994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23" name="Plassholder for innhold 3">
            <a:extLst>
              <a:ext uri="{FF2B5EF4-FFF2-40B4-BE49-F238E27FC236}">
                <a16:creationId xmlns:a16="http://schemas.microsoft.com/office/drawing/2014/main" id="{CC29C972-1D9B-4B6D-E6BB-52CEDDCD3EF2}"/>
              </a:ext>
            </a:extLst>
          </p:cNvPr>
          <p:cNvSpPr>
            <a:spLocks noGrp="1"/>
          </p:cNvSpPr>
          <p:nvPr>
            <p:ph sz="half" idx="22" hasCustomPrompt="1"/>
          </p:nvPr>
        </p:nvSpPr>
        <p:spPr>
          <a:xfrm>
            <a:off x="3517152" y="2232000"/>
            <a:ext cx="2486994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26" name="Plassholder for tekst 2">
            <a:extLst>
              <a:ext uri="{FF2B5EF4-FFF2-40B4-BE49-F238E27FC236}">
                <a16:creationId xmlns:a16="http://schemas.microsoft.com/office/drawing/2014/main" id="{CE16A991-591F-CAAD-7A45-42CF6A6714F2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6187200" y="1440000"/>
            <a:ext cx="2486994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27" name="Plassholder for innhold 3">
            <a:extLst>
              <a:ext uri="{FF2B5EF4-FFF2-40B4-BE49-F238E27FC236}">
                <a16:creationId xmlns:a16="http://schemas.microsoft.com/office/drawing/2014/main" id="{F545F5B4-B651-1C86-2C52-4C80415C799C}"/>
              </a:ext>
            </a:extLst>
          </p:cNvPr>
          <p:cNvSpPr>
            <a:spLocks noGrp="1"/>
          </p:cNvSpPr>
          <p:nvPr>
            <p:ph sz="half" idx="24" hasCustomPrompt="1"/>
          </p:nvPr>
        </p:nvSpPr>
        <p:spPr>
          <a:xfrm>
            <a:off x="6187200" y="2232000"/>
            <a:ext cx="2486994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30" name="Plassholder for tekst 2">
            <a:extLst>
              <a:ext uri="{FF2B5EF4-FFF2-40B4-BE49-F238E27FC236}">
                <a16:creationId xmlns:a16="http://schemas.microsoft.com/office/drawing/2014/main" id="{B76AB1BF-AF1B-EF2E-8F06-DD93E634608B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8879194" y="1440000"/>
            <a:ext cx="2486994" cy="648000"/>
          </a:xfrm>
        </p:spPr>
        <p:txBody>
          <a:bodyPr anchor="t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31" name="Plassholder for innhold 3">
            <a:extLst>
              <a:ext uri="{FF2B5EF4-FFF2-40B4-BE49-F238E27FC236}">
                <a16:creationId xmlns:a16="http://schemas.microsoft.com/office/drawing/2014/main" id="{0A09262D-5892-1BF7-9BD0-E4C6837201DD}"/>
              </a:ext>
            </a:extLst>
          </p:cNvPr>
          <p:cNvSpPr>
            <a:spLocks noGrp="1"/>
          </p:cNvSpPr>
          <p:nvPr>
            <p:ph sz="half" idx="26" hasCustomPrompt="1"/>
          </p:nvPr>
        </p:nvSpPr>
        <p:spPr>
          <a:xfrm>
            <a:off x="8879194" y="2232000"/>
            <a:ext cx="2486994" cy="3888000"/>
          </a:xfrm>
        </p:spPr>
        <p:txBody>
          <a:bodyPr>
            <a:normAutofit/>
          </a:bodyPr>
          <a:lstStyle>
            <a:lvl1pPr marL="0" indent="0">
              <a:buFont typeface="Arial" panose="020B0604020202020204" pitchFamily="34" charset="0"/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her for å redigere tekststiler i malen</a:t>
            </a:r>
          </a:p>
        </p:txBody>
      </p:sp>
      <p:sp>
        <p:nvSpPr>
          <p:cNvPr id="33" name="Tittel 1">
            <a:extLst>
              <a:ext uri="{FF2B5EF4-FFF2-40B4-BE49-F238E27FC236}">
                <a16:creationId xmlns:a16="http://schemas.microsoft.com/office/drawing/2014/main" id="{1D4A5552-DF70-26EB-E98E-887BB6AFCE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0000"/>
            <a:ext cx="10515600" cy="936000"/>
          </a:xfrm>
        </p:spPr>
        <p:txBody>
          <a:bodyPr anchor="t">
            <a:normAutofit/>
          </a:bodyPr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2463503722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er - 3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19">
            <a:extLst>
              <a:ext uri="{FF2B5EF4-FFF2-40B4-BE49-F238E27FC236}">
                <a16:creationId xmlns:a16="http://schemas.microsoft.com/office/drawing/2014/main" id="{E08CDABD-C4EC-6BBC-EF14-B2F0FD51F84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838200" y="2232000"/>
            <a:ext cx="3014582" cy="3766998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4588710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8337631" y="1439999"/>
            <a:ext cx="3014582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1CFFB836-CD90-9417-EC17-355909FE57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1508"/>
            <a:ext cx="10515600" cy="946766"/>
          </a:xfrm>
        </p:spPr>
        <p:txBody>
          <a:bodyPr anchor="t"/>
          <a:lstStyle/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04FE5927-3B4F-EB9A-2C24-11965BB8696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587120" y="2232000"/>
            <a:ext cx="3014581" cy="376695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9" name="Plassholder for bilde 9">
            <a:extLst>
              <a:ext uri="{FF2B5EF4-FFF2-40B4-BE49-F238E27FC236}">
                <a16:creationId xmlns:a16="http://schemas.microsoft.com/office/drawing/2014/main" id="{865F99FC-324E-CBED-975B-D2CB85E83142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336038" y="2232000"/>
            <a:ext cx="3014581" cy="3766505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094344963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er - 4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19">
            <a:extLst>
              <a:ext uri="{FF2B5EF4-FFF2-40B4-BE49-F238E27FC236}">
                <a16:creationId xmlns:a16="http://schemas.microsoft.com/office/drawing/2014/main" id="{E08CDABD-C4EC-6BBC-EF14-B2F0FD51F84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28799" y="2232000"/>
            <a:ext cx="2392545" cy="2989706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439999"/>
            <a:ext cx="2574000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3484800" y="1439999"/>
            <a:ext cx="2574000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8776800" y="1439999"/>
            <a:ext cx="2574000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1CFFB836-CD90-9417-EC17-355909FE57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1508"/>
            <a:ext cx="10515600" cy="946766"/>
          </a:xfrm>
        </p:spPr>
        <p:txBody>
          <a:bodyPr anchor="t"/>
          <a:lstStyle/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04FE5927-3B4F-EB9A-2C24-11965BB8696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222255" y="2238157"/>
            <a:ext cx="2392569" cy="2989706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9" name="Plassholder for bilde 9">
            <a:extLst>
              <a:ext uri="{FF2B5EF4-FFF2-40B4-BE49-F238E27FC236}">
                <a16:creationId xmlns:a16="http://schemas.microsoft.com/office/drawing/2014/main" id="{865F99FC-324E-CBED-975B-D2CB85E83142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575370" y="2233005"/>
            <a:ext cx="2392859" cy="2989707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4" name="Plassholder for tekst 2">
            <a:extLst>
              <a:ext uri="{FF2B5EF4-FFF2-40B4-BE49-F238E27FC236}">
                <a16:creationId xmlns:a16="http://schemas.microsoft.com/office/drawing/2014/main" id="{C8F7A608-24B1-EACD-0576-8D008F48C08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6130800" y="1439999"/>
            <a:ext cx="2574000" cy="648000"/>
          </a:xfrm>
        </p:spPr>
        <p:txBody>
          <a:bodyPr anchor="t"/>
          <a:lstStyle>
            <a:lvl1pPr marL="0" indent="0" algn="ctr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5" name="Plassholder for bilde 19">
            <a:extLst>
              <a:ext uri="{FF2B5EF4-FFF2-40B4-BE49-F238E27FC236}">
                <a16:creationId xmlns:a16="http://schemas.microsoft.com/office/drawing/2014/main" id="{7B5159B1-4589-82E1-2FF8-9155F67E349B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870655" y="2232000"/>
            <a:ext cx="2392546" cy="2989706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987688036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er - 5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19">
            <a:extLst>
              <a:ext uri="{FF2B5EF4-FFF2-40B4-BE49-F238E27FC236}">
                <a16:creationId xmlns:a16="http://schemas.microsoft.com/office/drawing/2014/main" id="{E08CDABD-C4EC-6BBC-EF14-B2F0FD51F84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28800" y="2664000"/>
            <a:ext cx="1862888" cy="2327967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1872000"/>
            <a:ext cx="20448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2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2955600" y="1872000"/>
            <a:ext cx="20448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2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7189200" y="1872000"/>
            <a:ext cx="20448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2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1CFFB836-CD90-9417-EC17-355909FE57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1508"/>
            <a:ext cx="10515600" cy="946766"/>
          </a:xfrm>
        </p:spPr>
        <p:txBody>
          <a:bodyPr anchor="t"/>
          <a:lstStyle/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04FE5927-3B4F-EB9A-2C24-11965BB8696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5163356" y="2664000"/>
            <a:ext cx="1862888" cy="2327827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9" name="Plassholder for bilde 9">
            <a:extLst>
              <a:ext uri="{FF2B5EF4-FFF2-40B4-BE49-F238E27FC236}">
                <a16:creationId xmlns:a16="http://schemas.microsoft.com/office/drawing/2014/main" id="{865F99FC-324E-CBED-975B-D2CB85E83142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3046556" y="2664000"/>
            <a:ext cx="1862888" cy="2327546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4" name="Plassholder for tekst 2">
            <a:extLst>
              <a:ext uri="{FF2B5EF4-FFF2-40B4-BE49-F238E27FC236}">
                <a16:creationId xmlns:a16="http://schemas.microsoft.com/office/drawing/2014/main" id="{C8F7A608-24B1-EACD-0576-8D008F48C08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5072400" y="1872000"/>
            <a:ext cx="20448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2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5" name="Plassholder for bilde 19">
            <a:extLst>
              <a:ext uri="{FF2B5EF4-FFF2-40B4-BE49-F238E27FC236}">
                <a16:creationId xmlns:a16="http://schemas.microsoft.com/office/drawing/2014/main" id="{7B5159B1-4589-82E1-2FF8-9155F67E349B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7282556" y="2664000"/>
            <a:ext cx="1862888" cy="2327850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8" name="Plassholder for tekst 2">
            <a:extLst>
              <a:ext uri="{FF2B5EF4-FFF2-40B4-BE49-F238E27FC236}">
                <a16:creationId xmlns:a16="http://schemas.microsoft.com/office/drawing/2014/main" id="{06AD930E-A381-6994-D1F6-E90BE144A257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9306000" y="1872000"/>
            <a:ext cx="20448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2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2" name="Plassholder for bilde 9">
            <a:extLst>
              <a:ext uri="{FF2B5EF4-FFF2-40B4-BE49-F238E27FC236}">
                <a16:creationId xmlns:a16="http://schemas.microsoft.com/office/drawing/2014/main" id="{796B2D66-4EC1-4D62-C38C-29D64FC2B7C2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9395967" y="2664000"/>
            <a:ext cx="1862888" cy="2327546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076609767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er - 6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ssholder for bilde 19">
            <a:extLst>
              <a:ext uri="{FF2B5EF4-FFF2-40B4-BE49-F238E27FC236}">
                <a16:creationId xmlns:a16="http://schemas.microsoft.com/office/drawing/2014/main" id="{E08CDABD-C4EC-6BBC-EF14-B2F0FD51F84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28800" y="2880000"/>
            <a:ext cx="1512997" cy="1890724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86E2B3C6-9D86-9A92-BE07-9365AEC0262F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839789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1" name="Plassholder for tekst 2">
            <a:extLst>
              <a:ext uri="{FF2B5EF4-FFF2-40B4-BE49-F238E27FC236}">
                <a16:creationId xmlns:a16="http://schemas.microsoft.com/office/drawing/2014/main" id="{8806DBB1-6ECB-FA4F-2F8C-E3BD25F9AC56}"/>
              </a:ext>
            </a:extLst>
          </p:cNvPr>
          <p:cNvSpPr>
            <a:spLocks noGrp="1"/>
          </p:cNvSpPr>
          <p:nvPr>
            <p:ph type="body" idx="13" hasCustomPrompt="1"/>
          </p:nvPr>
        </p:nvSpPr>
        <p:spPr>
          <a:xfrm>
            <a:off x="2602800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3" name="Plassholder for tekst 2">
            <a:extLst>
              <a:ext uri="{FF2B5EF4-FFF2-40B4-BE49-F238E27FC236}">
                <a16:creationId xmlns:a16="http://schemas.microsoft.com/office/drawing/2014/main" id="{B139A698-8B82-D193-CA9B-8A244B209AF3}"/>
              </a:ext>
            </a:extLst>
          </p:cNvPr>
          <p:cNvSpPr>
            <a:spLocks noGrp="1"/>
          </p:cNvSpPr>
          <p:nvPr>
            <p:ph type="body" idx="15" hasCustomPrompt="1"/>
          </p:nvPr>
        </p:nvSpPr>
        <p:spPr>
          <a:xfrm>
            <a:off x="6130800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BF95B06F-5E7A-A522-296C-B80306F9C7C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1CFFB836-CD90-9417-EC17-355909FE57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1508"/>
            <a:ext cx="10515600" cy="946766"/>
          </a:xfrm>
        </p:spPr>
        <p:txBody>
          <a:bodyPr anchor="t"/>
          <a:lstStyle/>
          <a:p>
            <a:r>
              <a:rPr lang="en-US"/>
              <a:t>Click to edit Master title style</a:t>
            </a:r>
            <a:endParaRPr lang="nb-NO" dirty="0"/>
          </a:p>
        </p:txBody>
      </p:sp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04FE5927-3B4F-EB9A-2C24-11965BB8696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455802" y="2880000"/>
            <a:ext cx="1512815" cy="1890383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9" name="Plassholder for bilde 9">
            <a:extLst>
              <a:ext uri="{FF2B5EF4-FFF2-40B4-BE49-F238E27FC236}">
                <a16:creationId xmlns:a16="http://schemas.microsoft.com/office/drawing/2014/main" id="{865F99FC-324E-CBED-975B-D2CB85E83142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692301" y="2880000"/>
            <a:ext cx="1512997" cy="1890382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4" name="Plassholder for tekst 2">
            <a:extLst>
              <a:ext uri="{FF2B5EF4-FFF2-40B4-BE49-F238E27FC236}">
                <a16:creationId xmlns:a16="http://schemas.microsoft.com/office/drawing/2014/main" id="{C8F7A608-24B1-EACD-0576-8D008F48C08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4366800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5" name="Plassholder for bilde 19">
            <a:extLst>
              <a:ext uri="{FF2B5EF4-FFF2-40B4-BE49-F238E27FC236}">
                <a16:creationId xmlns:a16="http://schemas.microsoft.com/office/drawing/2014/main" id="{7B5159B1-4589-82E1-2FF8-9155F67E349B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6219121" y="2880000"/>
            <a:ext cx="1512815" cy="1890402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8" name="Plassholder for tekst 2">
            <a:extLst>
              <a:ext uri="{FF2B5EF4-FFF2-40B4-BE49-F238E27FC236}">
                <a16:creationId xmlns:a16="http://schemas.microsoft.com/office/drawing/2014/main" id="{06AD930E-A381-6994-D1F6-E90BE144A257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7894800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2" name="Plassholder for bilde 9">
            <a:extLst>
              <a:ext uri="{FF2B5EF4-FFF2-40B4-BE49-F238E27FC236}">
                <a16:creationId xmlns:a16="http://schemas.microsoft.com/office/drawing/2014/main" id="{796B2D66-4EC1-4D62-C38C-29D64FC2B7C2}"/>
              </a:ext>
            </a:extLst>
          </p:cNvPr>
          <p:cNvSpPr>
            <a:spLocks noGrp="1"/>
          </p:cNvSpPr>
          <p:nvPr>
            <p:ph type="pic" sz="quarter" idx="23"/>
          </p:nvPr>
        </p:nvSpPr>
        <p:spPr>
          <a:xfrm>
            <a:off x="7986884" y="2880000"/>
            <a:ext cx="1512815" cy="1890155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sp>
        <p:nvSpPr>
          <p:cNvPr id="14" name="Plassholder for tekst 2">
            <a:extLst>
              <a:ext uri="{FF2B5EF4-FFF2-40B4-BE49-F238E27FC236}">
                <a16:creationId xmlns:a16="http://schemas.microsoft.com/office/drawing/2014/main" id="{C4A5FD01-450E-7AD7-63BD-ACC9C5E57B13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9657811" y="2088000"/>
            <a:ext cx="1692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20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H2 Overskrift</a:t>
            </a:r>
          </a:p>
        </p:txBody>
      </p:sp>
      <p:sp>
        <p:nvSpPr>
          <p:cNvPr id="15" name="Plassholder for bilde 9">
            <a:extLst>
              <a:ext uri="{FF2B5EF4-FFF2-40B4-BE49-F238E27FC236}">
                <a16:creationId xmlns:a16="http://schemas.microsoft.com/office/drawing/2014/main" id="{DBBEDC98-782C-1C48-B57A-8A0D7F1AF3F3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9745759" y="2880000"/>
            <a:ext cx="1512815" cy="1890383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440171642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er - 7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A3373E02-E389-60DB-80D0-C03D1C2588C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8" name="Plassholder for tekst 2">
            <a:extLst>
              <a:ext uri="{FF2B5EF4-FFF2-40B4-BE49-F238E27FC236}">
                <a16:creationId xmlns:a16="http://schemas.microsoft.com/office/drawing/2014/main" id="{A626301B-92ED-FC60-D58E-E83F321FEB0D}"/>
              </a:ext>
            </a:extLst>
          </p:cNvPr>
          <p:cNvSpPr>
            <a:spLocks noGrp="1"/>
          </p:cNvSpPr>
          <p:nvPr>
            <p:ph type="body" idx="19" hasCustomPrompt="1"/>
          </p:nvPr>
        </p:nvSpPr>
        <p:spPr>
          <a:xfrm>
            <a:off x="839789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22" name="Plassholder for tekst 2">
            <a:extLst>
              <a:ext uri="{FF2B5EF4-FFF2-40B4-BE49-F238E27FC236}">
                <a16:creationId xmlns:a16="http://schemas.microsoft.com/office/drawing/2014/main" id="{E603E3E6-9E37-E1CB-46F9-01545DE61496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350800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26" name="Plassholder for tekst 2">
            <a:extLst>
              <a:ext uri="{FF2B5EF4-FFF2-40B4-BE49-F238E27FC236}">
                <a16:creationId xmlns:a16="http://schemas.microsoft.com/office/drawing/2014/main" id="{CE16A991-591F-CAAD-7A45-42CF6A6714F2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3862800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30" name="Plassholder for tekst 2">
            <a:extLst>
              <a:ext uri="{FF2B5EF4-FFF2-40B4-BE49-F238E27FC236}">
                <a16:creationId xmlns:a16="http://schemas.microsoft.com/office/drawing/2014/main" id="{B76AB1BF-AF1B-EF2E-8F06-DD93E634608B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5374800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33" name="Tittel 1">
            <a:extLst>
              <a:ext uri="{FF2B5EF4-FFF2-40B4-BE49-F238E27FC236}">
                <a16:creationId xmlns:a16="http://schemas.microsoft.com/office/drawing/2014/main" id="{1D4A5552-DF70-26EB-E98E-887BB6AFCE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0000"/>
            <a:ext cx="10515600" cy="936000"/>
          </a:xfrm>
        </p:spPr>
        <p:txBody>
          <a:bodyPr anchor="t">
            <a:normAutofit/>
          </a:bodyPr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2" name="Plassholder for tekst 2">
            <a:extLst>
              <a:ext uri="{FF2B5EF4-FFF2-40B4-BE49-F238E27FC236}">
                <a16:creationId xmlns:a16="http://schemas.microsoft.com/office/drawing/2014/main" id="{921CF019-02A4-2193-A6B3-1320BC792744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888211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493B7859-23FF-F3AE-A1C1-1A0DED592E9B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8400211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4" name="Plassholder for tekst 2">
            <a:extLst>
              <a:ext uri="{FF2B5EF4-FFF2-40B4-BE49-F238E27FC236}">
                <a16:creationId xmlns:a16="http://schemas.microsoft.com/office/drawing/2014/main" id="{61C59E80-9537-88F8-D2DB-626EA6484876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9912211" y="2232000"/>
            <a:ext cx="1440000" cy="648000"/>
          </a:xfrm>
        </p:spPr>
        <p:txBody>
          <a:bodyPr anchor="t">
            <a:normAutofit/>
          </a:bodyPr>
          <a:lstStyle>
            <a:lvl1pPr marL="0" indent="0" algn="ctr">
              <a:buNone/>
              <a:defRPr sz="17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b-NO" dirty="0"/>
              <a:t>Overskrift</a:t>
            </a:r>
          </a:p>
        </p:txBody>
      </p:sp>
      <p:sp>
        <p:nvSpPr>
          <p:cNvPr id="5" name="Plassholder for bilde 9">
            <a:extLst>
              <a:ext uri="{FF2B5EF4-FFF2-40B4-BE49-F238E27FC236}">
                <a16:creationId xmlns:a16="http://schemas.microsoft.com/office/drawing/2014/main" id="{D46894E7-FCEF-70FD-AD37-1D39AF009661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92880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3" name="Plassholder for bilde 9">
            <a:extLst>
              <a:ext uri="{FF2B5EF4-FFF2-40B4-BE49-F238E27FC236}">
                <a16:creationId xmlns:a16="http://schemas.microsoft.com/office/drawing/2014/main" id="{46107129-07DF-A188-61ED-9F61FFB33F92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244096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4" name="Plassholder for bilde 9">
            <a:extLst>
              <a:ext uri="{FF2B5EF4-FFF2-40B4-BE49-F238E27FC236}">
                <a16:creationId xmlns:a16="http://schemas.microsoft.com/office/drawing/2014/main" id="{4EE08752-BE24-67DF-2593-848C45E47D88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395296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5" name="Plassholder for bilde 9">
            <a:extLst>
              <a:ext uri="{FF2B5EF4-FFF2-40B4-BE49-F238E27FC236}">
                <a16:creationId xmlns:a16="http://schemas.microsoft.com/office/drawing/2014/main" id="{DB191DEA-9535-54C6-8C03-EF28AF33B5DC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546496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6" name="Plassholder for bilde 9">
            <a:extLst>
              <a:ext uri="{FF2B5EF4-FFF2-40B4-BE49-F238E27FC236}">
                <a16:creationId xmlns:a16="http://schemas.microsoft.com/office/drawing/2014/main" id="{441CA0A2-C2E8-9873-6FFE-7DD35A98D2EE}"/>
              </a:ext>
            </a:extLst>
          </p:cNvPr>
          <p:cNvSpPr>
            <a:spLocks noGrp="1"/>
          </p:cNvSpPr>
          <p:nvPr>
            <p:ph type="pic" sz="quarter" idx="32" hasCustomPrompt="1"/>
          </p:nvPr>
        </p:nvSpPr>
        <p:spPr>
          <a:xfrm>
            <a:off x="697696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7" name="Plassholder for bilde 9">
            <a:extLst>
              <a:ext uri="{FF2B5EF4-FFF2-40B4-BE49-F238E27FC236}">
                <a16:creationId xmlns:a16="http://schemas.microsoft.com/office/drawing/2014/main" id="{3229E037-172B-A375-8B28-B4E13A6733CA}"/>
              </a:ext>
            </a:extLst>
          </p:cNvPr>
          <p:cNvSpPr>
            <a:spLocks noGrp="1"/>
          </p:cNvSpPr>
          <p:nvPr>
            <p:ph type="pic" sz="quarter" idx="33" hasCustomPrompt="1"/>
          </p:nvPr>
        </p:nvSpPr>
        <p:spPr>
          <a:xfrm>
            <a:off x="8488960" y="3024000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  <p:sp>
        <p:nvSpPr>
          <p:cNvPr id="19" name="Plassholder for bilde 9">
            <a:extLst>
              <a:ext uri="{FF2B5EF4-FFF2-40B4-BE49-F238E27FC236}">
                <a16:creationId xmlns:a16="http://schemas.microsoft.com/office/drawing/2014/main" id="{8D615A4B-4C6B-AC12-DDC4-7442AEF9797F}"/>
              </a:ext>
            </a:extLst>
          </p:cNvPr>
          <p:cNvSpPr>
            <a:spLocks noGrp="1"/>
          </p:cNvSpPr>
          <p:nvPr>
            <p:ph type="pic" sz="quarter" idx="34" hasCustomPrompt="1"/>
          </p:nvPr>
        </p:nvSpPr>
        <p:spPr>
          <a:xfrm>
            <a:off x="10000960" y="3023999"/>
            <a:ext cx="1259679" cy="1574069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defRPr sz="1800"/>
            </a:lvl1pPr>
          </a:lstStyle>
          <a:p>
            <a:r>
              <a:rPr lang="en-US" dirty="0"/>
              <a:t>Bild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489231968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1 spalte og bil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ssholder for tekst 3">
            <a:extLst>
              <a:ext uri="{FF2B5EF4-FFF2-40B4-BE49-F238E27FC236}">
                <a16:creationId xmlns:a16="http://schemas.microsoft.com/office/drawing/2014/main" id="{C56C218D-0399-3D6A-4793-A6CF246F69C1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839788" y="1440000"/>
            <a:ext cx="5604555" cy="4608000"/>
          </a:xfrm>
        </p:spPr>
        <p:txBody>
          <a:bodyPr>
            <a:normAutofit/>
          </a:bodyPr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nb-NO" dirty="0"/>
              <a:t>H3 Innhold</a:t>
            </a:r>
          </a:p>
        </p:txBody>
      </p:sp>
      <p:sp>
        <p:nvSpPr>
          <p:cNvPr id="10" name="Plassholder for bilde 9">
            <a:extLst>
              <a:ext uri="{FF2B5EF4-FFF2-40B4-BE49-F238E27FC236}">
                <a16:creationId xmlns:a16="http://schemas.microsoft.com/office/drawing/2014/main" id="{E6F3F0D2-E3FF-8C5B-DB5D-D744C57A2022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195033" y="827313"/>
            <a:ext cx="4159699" cy="5197250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endParaRPr lang="nb-NO"/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72D443DA-D27E-17FF-E435-DAB163107B7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" name="Tittel 1">
            <a:extLst>
              <a:ext uri="{FF2B5EF4-FFF2-40B4-BE49-F238E27FC236}">
                <a16:creationId xmlns:a16="http://schemas.microsoft.com/office/drawing/2014/main" id="{99665B4A-79EA-CE0A-94A3-6A39499BAE4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9788" y="360000"/>
            <a:ext cx="5604555" cy="936000"/>
          </a:xfrm>
        </p:spPr>
        <p:txBody>
          <a:bodyPr anchor="t"/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155998141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llomslide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25724F7B-1D15-0118-D146-2B2E16422B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0" y="2530248"/>
            <a:ext cx="12192000" cy="1797504"/>
          </a:xfrm>
        </p:spPr>
        <p:txBody>
          <a:bodyPr anchor="ctr">
            <a:normAutofit/>
          </a:bodyPr>
          <a:lstStyle>
            <a:lvl1pPr algn="ctr">
              <a:defRPr sz="5400">
                <a:solidFill>
                  <a:schemeClr val="bg1"/>
                </a:solidFill>
              </a:defRPr>
            </a:lvl1pPr>
          </a:lstStyle>
          <a:p>
            <a:r>
              <a:rPr lang="nb-NO" noProof="0" dirty="0"/>
              <a:t>Klikk for å redigere tittelstil</a:t>
            </a:r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1DDC5DD6-7423-8B16-73AC-BE35C6F0D9B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1489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1 spalte og bil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ssholder for tekst 3">
            <a:extLst>
              <a:ext uri="{FF2B5EF4-FFF2-40B4-BE49-F238E27FC236}">
                <a16:creationId xmlns:a16="http://schemas.microsoft.com/office/drawing/2014/main" id="{C56C218D-0399-3D6A-4793-A6CF246F69C1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839788" y="1440000"/>
            <a:ext cx="5604555" cy="4608000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nb-NO" dirty="0"/>
              <a:t>H3 </a:t>
            </a:r>
            <a:r>
              <a:rPr lang="nb-NO" dirty="0" err="1"/>
              <a:t>Click</a:t>
            </a:r>
            <a:r>
              <a:rPr lang="nb-NO" dirty="0"/>
              <a:t> to </a:t>
            </a:r>
            <a:r>
              <a:rPr lang="nb-NO" dirty="0" err="1"/>
              <a:t>edit</a:t>
            </a:r>
            <a:r>
              <a:rPr lang="nb-NO" dirty="0"/>
              <a:t> Master </a:t>
            </a:r>
            <a:r>
              <a:rPr lang="nb-NO" dirty="0" err="1"/>
              <a:t>text</a:t>
            </a:r>
            <a:r>
              <a:rPr lang="nb-NO" dirty="0"/>
              <a:t> styles</a:t>
            </a:r>
          </a:p>
        </p:txBody>
      </p:sp>
      <p:sp>
        <p:nvSpPr>
          <p:cNvPr id="20" name="Plassholder for bilde 19">
            <a:extLst>
              <a:ext uri="{FF2B5EF4-FFF2-40B4-BE49-F238E27FC236}">
                <a16:creationId xmlns:a16="http://schemas.microsoft.com/office/drawing/2014/main" id="{1C8B5148-23E6-B4DA-9AE8-DB6A36844F2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193387" y="828676"/>
            <a:ext cx="4161336" cy="5199973"/>
          </a:xfrm>
          <a:custGeom>
            <a:avLst/>
            <a:gdLst>
              <a:gd name="connsiteX0" fmla="*/ 1166726 w 4161336"/>
              <a:gd name="connsiteY0" fmla="*/ 0 h 5199973"/>
              <a:gd name="connsiteX1" fmla="*/ 3938063 w 4161336"/>
              <a:gd name="connsiteY1" fmla="*/ 0 h 5199973"/>
              <a:gd name="connsiteX2" fmla="*/ 4161336 w 4161336"/>
              <a:gd name="connsiteY2" fmla="*/ 223199 h 5199973"/>
              <a:gd name="connsiteX3" fmla="*/ 4161336 w 4161336"/>
              <a:gd name="connsiteY3" fmla="*/ 1671470 h 5199973"/>
              <a:gd name="connsiteX4" fmla="*/ 4129514 w 4161336"/>
              <a:gd name="connsiteY4" fmla="*/ 1786324 h 5199973"/>
              <a:gd name="connsiteX5" fmla="*/ 3323902 w 4161336"/>
              <a:gd name="connsiteY5" fmla="*/ 3128614 h 5199973"/>
              <a:gd name="connsiteX6" fmla="*/ 3515354 w 4161336"/>
              <a:gd name="connsiteY6" fmla="*/ 3466666 h 5199973"/>
              <a:gd name="connsiteX7" fmla="*/ 3938063 w 4161336"/>
              <a:gd name="connsiteY7" fmla="*/ 3466666 h 5199973"/>
              <a:gd name="connsiteX8" fmla="*/ 4161336 w 4161336"/>
              <a:gd name="connsiteY8" fmla="*/ 3689865 h 5199973"/>
              <a:gd name="connsiteX9" fmla="*/ 4161336 w 4161336"/>
              <a:gd name="connsiteY9" fmla="*/ 4976775 h 5199973"/>
              <a:gd name="connsiteX10" fmla="*/ 3938063 w 4161336"/>
              <a:gd name="connsiteY10" fmla="*/ 5199973 h 5199973"/>
              <a:gd name="connsiteX11" fmla="*/ 223274 w 4161336"/>
              <a:gd name="connsiteY11" fmla="*/ 5199973 h 5199973"/>
              <a:gd name="connsiteX12" fmla="*/ 0 w 4161336"/>
              <a:gd name="connsiteY12" fmla="*/ 4976775 h 5199973"/>
              <a:gd name="connsiteX13" fmla="*/ 0 w 4161336"/>
              <a:gd name="connsiteY13" fmla="*/ 4976722 h 5199973"/>
              <a:gd name="connsiteX14" fmla="*/ 0 w 4161336"/>
              <a:gd name="connsiteY14" fmla="*/ 1795144 h 5199973"/>
              <a:gd name="connsiteX15" fmla="*/ 31821 w 4161336"/>
              <a:gd name="connsiteY15" fmla="*/ 1680289 h 5199973"/>
              <a:gd name="connsiteX16" fmla="*/ 975274 w 4161336"/>
              <a:gd name="connsiteY16" fmla="*/ 108345 h 5199973"/>
              <a:gd name="connsiteX17" fmla="*/ 1166726 w 4161336"/>
              <a:gd name="connsiteY17" fmla="*/ 0 h 519997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61336" h="5199973">
                <a:moveTo>
                  <a:pt x="1166726" y="0"/>
                </a:moveTo>
                <a:lnTo>
                  <a:pt x="3938063" y="0"/>
                </a:lnTo>
                <a:cubicBezTo>
                  <a:pt x="4061357" y="0"/>
                  <a:pt x="4161336" y="99946"/>
                  <a:pt x="4161336" y="223199"/>
                </a:cubicBezTo>
                <a:lnTo>
                  <a:pt x="4161336" y="1671470"/>
                </a:lnTo>
                <a:cubicBezTo>
                  <a:pt x="4161336" y="1711942"/>
                  <a:pt x="4150361" y="1751627"/>
                  <a:pt x="4129514" y="1786324"/>
                </a:cubicBezTo>
                <a:lnTo>
                  <a:pt x="3323902" y="3128614"/>
                </a:lnTo>
                <a:cubicBezTo>
                  <a:pt x="3234634" y="3277378"/>
                  <a:pt x="3341807" y="3466666"/>
                  <a:pt x="3515354" y="3466666"/>
                </a:cubicBezTo>
                <a:lnTo>
                  <a:pt x="3938063" y="3466666"/>
                </a:lnTo>
                <a:cubicBezTo>
                  <a:pt x="4061357" y="3466666"/>
                  <a:pt x="4161336" y="3566613"/>
                  <a:pt x="4161336" y="3689865"/>
                </a:cubicBezTo>
                <a:lnTo>
                  <a:pt x="4161336" y="4976775"/>
                </a:lnTo>
                <a:cubicBezTo>
                  <a:pt x="4161336" y="5100027"/>
                  <a:pt x="4061357" y="5199973"/>
                  <a:pt x="3938063" y="5199973"/>
                </a:cubicBezTo>
                <a:lnTo>
                  <a:pt x="223274" y="5199973"/>
                </a:lnTo>
                <a:cubicBezTo>
                  <a:pt x="99980" y="5199973"/>
                  <a:pt x="0" y="5100027"/>
                  <a:pt x="0" y="4976775"/>
                </a:cubicBezTo>
                <a:lnTo>
                  <a:pt x="0" y="4976722"/>
                </a:lnTo>
                <a:lnTo>
                  <a:pt x="0" y="1795144"/>
                </a:lnTo>
                <a:cubicBezTo>
                  <a:pt x="0" y="1754671"/>
                  <a:pt x="10975" y="1714987"/>
                  <a:pt x="31821" y="1680289"/>
                </a:cubicBezTo>
                <a:lnTo>
                  <a:pt x="975274" y="108345"/>
                </a:lnTo>
                <a:cubicBezTo>
                  <a:pt x="1015654" y="41155"/>
                  <a:pt x="1088328" y="0"/>
                  <a:pt x="1166726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endParaRPr lang="nb-NO" dirty="0"/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1B8BA4A6-5555-23B4-3714-F0D89074140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0" name="Tittel 1">
            <a:extLst>
              <a:ext uri="{FF2B5EF4-FFF2-40B4-BE49-F238E27FC236}">
                <a16:creationId xmlns:a16="http://schemas.microsoft.com/office/drawing/2014/main" id="{D6589258-E6C6-8929-B154-C06346230E3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9788" y="360000"/>
            <a:ext cx="5604555" cy="936000"/>
          </a:xfrm>
        </p:spPr>
        <p:txBody>
          <a:bodyPr anchor="t"/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3786078323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1 spalte og bild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ssholder for bilde 9">
            <a:extLst>
              <a:ext uri="{FF2B5EF4-FFF2-40B4-BE49-F238E27FC236}">
                <a16:creationId xmlns:a16="http://schemas.microsoft.com/office/drawing/2014/main" id="{17401D28-23EC-A6FD-A40A-2464AC03D0B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187617" y="821438"/>
            <a:ext cx="4167119" cy="5207147"/>
          </a:xfrm>
          <a:custGeom>
            <a:avLst/>
            <a:gdLst>
              <a:gd name="connsiteX0" fmla="*/ 223584 w 4167119"/>
              <a:gd name="connsiteY0" fmla="*/ 0 h 5207147"/>
              <a:gd name="connsiteX1" fmla="*/ 3943535 w 4167119"/>
              <a:gd name="connsiteY1" fmla="*/ 0 h 5207147"/>
              <a:gd name="connsiteX2" fmla="*/ 4167119 w 4167119"/>
              <a:gd name="connsiteY2" fmla="*/ 223509 h 5207147"/>
              <a:gd name="connsiteX3" fmla="*/ 4167119 w 4167119"/>
              <a:gd name="connsiteY3" fmla="*/ 4983638 h 5207147"/>
              <a:gd name="connsiteX4" fmla="*/ 3943535 w 4167119"/>
              <a:gd name="connsiteY4" fmla="*/ 5207147 h 5207147"/>
              <a:gd name="connsiteX5" fmla="*/ 223584 w 4167119"/>
              <a:gd name="connsiteY5" fmla="*/ 5207147 h 5207147"/>
              <a:gd name="connsiteX6" fmla="*/ 0 w 4167119"/>
              <a:gd name="connsiteY6" fmla="*/ 4983638 h 5207147"/>
              <a:gd name="connsiteX7" fmla="*/ 0 w 4167119"/>
              <a:gd name="connsiteY7" fmla="*/ 223509 h 5207147"/>
              <a:gd name="connsiteX8" fmla="*/ 223584 w 4167119"/>
              <a:gd name="connsiteY8" fmla="*/ 0 h 520714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4167119" h="5207147">
                <a:moveTo>
                  <a:pt x="223584" y="0"/>
                </a:moveTo>
                <a:lnTo>
                  <a:pt x="3943535" y="0"/>
                </a:lnTo>
                <a:cubicBezTo>
                  <a:pt x="4067017" y="0"/>
                  <a:pt x="4167119" y="100068"/>
                  <a:pt x="4167119" y="223509"/>
                </a:cubicBezTo>
                <a:lnTo>
                  <a:pt x="4167119" y="4983638"/>
                </a:lnTo>
                <a:cubicBezTo>
                  <a:pt x="4167119" y="5107078"/>
                  <a:pt x="4067017" y="5207147"/>
                  <a:pt x="3943535" y="5207147"/>
                </a:cubicBezTo>
                <a:lnTo>
                  <a:pt x="223584" y="5207147"/>
                </a:lnTo>
                <a:cubicBezTo>
                  <a:pt x="100102" y="5207147"/>
                  <a:pt x="0" y="5107078"/>
                  <a:pt x="0" y="4983638"/>
                </a:cubicBezTo>
                <a:lnTo>
                  <a:pt x="0" y="223509"/>
                </a:lnTo>
                <a:cubicBezTo>
                  <a:pt x="0" y="100068"/>
                  <a:pt x="100102" y="0"/>
                  <a:pt x="223584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endParaRPr lang="nb-NO"/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D50E2117-7370-192A-C148-E28C8DFD5957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9" name="Plassholder for tekst 3">
            <a:extLst>
              <a:ext uri="{FF2B5EF4-FFF2-40B4-BE49-F238E27FC236}">
                <a16:creationId xmlns:a16="http://schemas.microsoft.com/office/drawing/2014/main" id="{C6B436B7-C8FB-1CE0-10E8-4F422597E20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839788" y="1440000"/>
            <a:ext cx="5604555" cy="4608000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nb-NO" dirty="0"/>
              <a:t>H3 </a:t>
            </a:r>
            <a:r>
              <a:rPr lang="nb-NO" dirty="0" err="1"/>
              <a:t>Click</a:t>
            </a:r>
            <a:r>
              <a:rPr lang="nb-NO" dirty="0"/>
              <a:t> to </a:t>
            </a:r>
            <a:r>
              <a:rPr lang="nb-NO" dirty="0" err="1"/>
              <a:t>edit</a:t>
            </a:r>
            <a:r>
              <a:rPr lang="nb-NO" dirty="0"/>
              <a:t> Master </a:t>
            </a:r>
            <a:r>
              <a:rPr lang="nb-NO" dirty="0" err="1"/>
              <a:t>text</a:t>
            </a:r>
            <a:r>
              <a:rPr lang="nb-NO" dirty="0"/>
              <a:t> styles</a:t>
            </a:r>
          </a:p>
        </p:txBody>
      </p:sp>
      <p:sp>
        <p:nvSpPr>
          <p:cNvPr id="11" name="Tittel 1">
            <a:extLst>
              <a:ext uri="{FF2B5EF4-FFF2-40B4-BE49-F238E27FC236}">
                <a16:creationId xmlns:a16="http://schemas.microsoft.com/office/drawing/2014/main" id="{4A6DE2A3-8E0C-C153-D092-43AAFE65062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9788" y="360000"/>
            <a:ext cx="5604555" cy="936000"/>
          </a:xfrm>
        </p:spPr>
        <p:txBody>
          <a:bodyPr anchor="t"/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3604134417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Bilde fullsid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ssholder for bilde 10">
            <a:extLst>
              <a:ext uri="{FF2B5EF4-FFF2-40B4-BE49-F238E27FC236}">
                <a16:creationId xmlns:a16="http://schemas.microsoft.com/office/drawing/2014/main" id="{AEA12BDE-9212-C6F2-FA14-8106F577C5E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8201" y="801053"/>
            <a:ext cx="10505775" cy="5253672"/>
          </a:xfrm>
          <a:custGeom>
            <a:avLst/>
            <a:gdLst>
              <a:gd name="connsiteX0" fmla="*/ 1178214 w 10505775"/>
              <a:gd name="connsiteY0" fmla="*/ 0 h 5253672"/>
              <a:gd name="connsiteX1" fmla="*/ 7128571 w 10505775"/>
              <a:gd name="connsiteY1" fmla="*/ 0 h 5253672"/>
              <a:gd name="connsiteX2" fmla="*/ 7354043 w 10505775"/>
              <a:gd name="connsiteY2" fmla="*/ 225510 h 5253672"/>
              <a:gd name="connsiteX3" fmla="*/ 7354043 w 10505775"/>
              <a:gd name="connsiteY3" fmla="*/ 937045 h 5253672"/>
              <a:gd name="connsiteX4" fmla="*/ 7772853 w 10505775"/>
              <a:gd name="connsiteY4" fmla="*/ 1053088 h 5253672"/>
              <a:gd name="connsiteX5" fmla="*/ 8338920 w 10505775"/>
              <a:gd name="connsiteY5" fmla="*/ 109467 h 5253672"/>
              <a:gd name="connsiteX6" fmla="*/ 8532257 w 10505775"/>
              <a:gd name="connsiteY6" fmla="*/ 0 h 5253672"/>
              <a:gd name="connsiteX7" fmla="*/ 10280304 w 10505775"/>
              <a:gd name="connsiteY7" fmla="*/ 0 h 5253672"/>
              <a:gd name="connsiteX8" fmla="*/ 10505775 w 10505775"/>
              <a:gd name="connsiteY8" fmla="*/ 225510 h 5253672"/>
              <a:gd name="connsiteX9" fmla="*/ 10505775 w 10505775"/>
              <a:gd name="connsiteY9" fmla="*/ 3440038 h 5253672"/>
              <a:gd name="connsiteX10" fmla="*/ 10473641 w 10505775"/>
              <a:gd name="connsiteY10" fmla="*/ 3556081 h 5253672"/>
              <a:gd name="connsiteX11" fmla="*/ 9520899 w 10505775"/>
              <a:gd name="connsiteY11" fmla="*/ 5144305 h 5253672"/>
              <a:gd name="connsiteX12" fmla="*/ 9385465 w 10505775"/>
              <a:gd name="connsiteY12" fmla="*/ 5246214 h 5253672"/>
              <a:gd name="connsiteX13" fmla="*/ 9328327 w 10505775"/>
              <a:gd name="connsiteY13" fmla="*/ 5253672 h 5253672"/>
              <a:gd name="connsiteX14" fmla="*/ 224481 w 10505775"/>
              <a:gd name="connsiteY14" fmla="*/ 5253672 h 5253672"/>
              <a:gd name="connsiteX15" fmla="*/ 180036 w 10505775"/>
              <a:gd name="connsiteY15" fmla="*/ 5249190 h 5253672"/>
              <a:gd name="connsiteX16" fmla="*/ 0 w 10505775"/>
              <a:gd name="connsiteY16" fmla="*/ 5028262 h 5253672"/>
              <a:gd name="connsiteX17" fmla="*/ 0 w 10505775"/>
              <a:gd name="connsiteY17" fmla="*/ 1813734 h 5253672"/>
              <a:gd name="connsiteX18" fmla="*/ 32135 w 10505775"/>
              <a:gd name="connsiteY18" fmla="*/ 1697691 h 5253672"/>
              <a:gd name="connsiteX19" fmla="*/ 984877 w 10505775"/>
              <a:gd name="connsiteY19" fmla="*/ 109467 h 5253672"/>
              <a:gd name="connsiteX20" fmla="*/ 1178214 w 10505775"/>
              <a:gd name="connsiteY20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10505775" h="5253672">
                <a:moveTo>
                  <a:pt x="1178214" y="0"/>
                </a:moveTo>
                <a:lnTo>
                  <a:pt x="7128571" y="0"/>
                </a:lnTo>
                <a:cubicBezTo>
                  <a:pt x="7253079" y="0"/>
                  <a:pt x="7354043" y="100981"/>
                  <a:pt x="7354043" y="225510"/>
                </a:cubicBezTo>
                <a:lnTo>
                  <a:pt x="7354043" y="937045"/>
                </a:lnTo>
                <a:cubicBezTo>
                  <a:pt x="7354043" y="1165790"/>
                  <a:pt x="7655185" y="1249216"/>
                  <a:pt x="7772853" y="1053088"/>
                </a:cubicBezTo>
                <a:lnTo>
                  <a:pt x="8338920" y="109467"/>
                </a:lnTo>
                <a:cubicBezTo>
                  <a:pt x="8379645" y="41580"/>
                  <a:pt x="8453034" y="0"/>
                  <a:pt x="8532257" y="0"/>
                </a:cubicBezTo>
                <a:lnTo>
                  <a:pt x="10280304" y="0"/>
                </a:lnTo>
                <a:cubicBezTo>
                  <a:pt x="10404812" y="0"/>
                  <a:pt x="10505775" y="100981"/>
                  <a:pt x="10505775" y="225510"/>
                </a:cubicBezTo>
                <a:lnTo>
                  <a:pt x="10505775" y="3440038"/>
                </a:lnTo>
                <a:cubicBezTo>
                  <a:pt x="10505775" y="3480929"/>
                  <a:pt x="10494640" y="3521024"/>
                  <a:pt x="10473641" y="3556081"/>
                </a:cubicBezTo>
                <a:lnTo>
                  <a:pt x="9520899" y="5144305"/>
                </a:lnTo>
                <a:cubicBezTo>
                  <a:pt x="9490355" y="5195220"/>
                  <a:pt x="9441437" y="5231338"/>
                  <a:pt x="9385465" y="5246214"/>
                </a:cubicBezTo>
                <a:lnTo>
                  <a:pt x="9328327" y="5253672"/>
                </a:lnTo>
                <a:lnTo>
                  <a:pt x="224481" y="5253672"/>
                </a:lnTo>
                <a:lnTo>
                  <a:pt x="180036" y="5249190"/>
                </a:lnTo>
                <a:cubicBezTo>
                  <a:pt x="77301" y="5228159"/>
                  <a:pt x="0" y="5137225"/>
                  <a:pt x="0" y="5028262"/>
                </a:cubicBezTo>
                <a:lnTo>
                  <a:pt x="0" y="1813734"/>
                </a:lnTo>
                <a:cubicBezTo>
                  <a:pt x="0" y="1772843"/>
                  <a:pt x="11136" y="1732748"/>
                  <a:pt x="32135" y="1697691"/>
                </a:cubicBezTo>
                <a:lnTo>
                  <a:pt x="984877" y="109467"/>
                </a:lnTo>
                <a:cubicBezTo>
                  <a:pt x="1025602" y="41580"/>
                  <a:pt x="1098992" y="0"/>
                  <a:pt x="1178214" y="0"/>
                </a:cubicBezTo>
                <a:close/>
              </a:path>
            </a:pathLst>
          </a:custGeom>
          <a:noFill/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191395985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Bilde fulls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lassholder for bilde 7">
            <a:extLst>
              <a:ext uri="{FF2B5EF4-FFF2-40B4-BE49-F238E27FC236}">
                <a16:creationId xmlns:a16="http://schemas.microsoft.com/office/drawing/2014/main" id="{72660B8F-0BAE-15FF-88C8-EE79E388F49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838200" y="801053"/>
            <a:ext cx="10506076" cy="5253672"/>
          </a:xfrm>
          <a:custGeom>
            <a:avLst/>
            <a:gdLst>
              <a:gd name="connsiteX0" fmla="*/ 225495 w 10506076"/>
              <a:gd name="connsiteY0" fmla="*/ 0 h 5253672"/>
              <a:gd name="connsiteX1" fmla="*/ 10281342 w 10506076"/>
              <a:gd name="connsiteY1" fmla="*/ 0 h 5253672"/>
              <a:gd name="connsiteX2" fmla="*/ 10489113 w 10506076"/>
              <a:gd name="connsiteY2" fmla="*/ 137752 h 5253672"/>
              <a:gd name="connsiteX3" fmla="*/ 10506076 w 10506076"/>
              <a:gd name="connsiteY3" fmla="*/ 221769 h 5253672"/>
              <a:gd name="connsiteX4" fmla="*/ 10506076 w 10506076"/>
              <a:gd name="connsiteY4" fmla="*/ 5032535 h 5253672"/>
              <a:gd name="connsiteX5" fmla="*/ 10489113 w 10506076"/>
              <a:gd name="connsiteY5" fmla="*/ 5116550 h 5253672"/>
              <a:gd name="connsiteX6" fmla="*/ 10326782 w 10506076"/>
              <a:gd name="connsiteY6" fmla="*/ 5249720 h 5253672"/>
              <a:gd name="connsiteX7" fmla="*/ 10287589 w 10506076"/>
              <a:gd name="connsiteY7" fmla="*/ 5253672 h 5253672"/>
              <a:gd name="connsiteX8" fmla="*/ 219248 w 10506076"/>
              <a:gd name="connsiteY8" fmla="*/ 5253672 h 5253672"/>
              <a:gd name="connsiteX9" fmla="*/ 180055 w 10506076"/>
              <a:gd name="connsiteY9" fmla="*/ 5249720 h 5253672"/>
              <a:gd name="connsiteX10" fmla="*/ 0 w 10506076"/>
              <a:gd name="connsiteY10" fmla="*/ 5028770 h 5253672"/>
              <a:gd name="connsiteX11" fmla="*/ 0 w 10506076"/>
              <a:gd name="connsiteY11" fmla="*/ 225533 h 5253672"/>
              <a:gd name="connsiteX12" fmla="*/ 225495 w 10506076"/>
              <a:gd name="connsiteY12" fmla="*/ 0 h 525367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506076" h="5253672">
                <a:moveTo>
                  <a:pt x="225495" y="0"/>
                </a:moveTo>
                <a:lnTo>
                  <a:pt x="10281342" y="0"/>
                </a:lnTo>
                <a:cubicBezTo>
                  <a:pt x="10374733" y="0"/>
                  <a:pt x="10454878" y="56808"/>
                  <a:pt x="10489113" y="137752"/>
                </a:cubicBezTo>
                <a:lnTo>
                  <a:pt x="10506076" y="221769"/>
                </a:lnTo>
                <a:lnTo>
                  <a:pt x="10506076" y="5032535"/>
                </a:lnTo>
                <a:lnTo>
                  <a:pt x="10489113" y="5116550"/>
                </a:lnTo>
                <a:cubicBezTo>
                  <a:pt x="10460584" y="5184004"/>
                  <a:pt x="10400173" y="5234696"/>
                  <a:pt x="10326782" y="5249720"/>
                </a:cubicBezTo>
                <a:lnTo>
                  <a:pt x="10287589" y="5253672"/>
                </a:lnTo>
                <a:lnTo>
                  <a:pt x="219248" y="5253672"/>
                </a:lnTo>
                <a:lnTo>
                  <a:pt x="180055" y="5249720"/>
                </a:lnTo>
                <a:cubicBezTo>
                  <a:pt x="77308" y="5228687"/>
                  <a:pt x="0" y="5137744"/>
                  <a:pt x="0" y="5028770"/>
                </a:cubicBezTo>
                <a:lnTo>
                  <a:pt x="0" y="225533"/>
                </a:lnTo>
                <a:cubicBezTo>
                  <a:pt x="0" y="100991"/>
                  <a:pt x="100974" y="0"/>
                  <a:pt x="225495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805999779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Bilde fullsid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lassholder for bilde 7">
            <a:extLst>
              <a:ext uri="{FF2B5EF4-FFF2-40B4-BE49-F238E27FC236}">
                <a16:creationId xmlns:a16="http://schemas.microsoft.com/office/drawing/2014/main" id="{72660B8F-0BAE-15FF-88C8-EE79E388F49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D0954805-39EC-52CC-DDE7-6638D4EBDFA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1970330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med 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3" name="Tittel 1">
            <a:extLst>
              <a:ext uri="{FF2B5EF4-FFF2-40B4-BE49-F238E27FC236}">
                <a16:creationId xmlns:a16="http://schemas.microsoft.com/office/drawing/2014/main" id="{FC4E12D4-2910-C843-6B71-7F46BA225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0000"/>
            <a:ext cx="10515600" cy="936000"/>
          </a:xfrm>
        </p:spPr>
        <p:txBody>
          <a:bodyPr anchor="t">
            <a:normAutofit/>
          </a:bodyPr>
          <a:lstStyle>
            <a:lvl1pPr>
              <a:defRPr sz="3200"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1340357221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25586283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forsi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Plassholder for bilde 39">
            <a:extLst>
              <a:ext uri="{FF2B5EF4-FFF2-40B4-BE49-F238E27FC236}">
                <a16:creationId xmlns:a16="http://schemas.microsoft.com/office/drawing/2014/main" id="{61018F99-88B1-C1B2-F9DD-3C5EE03C6DF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338208" y="352152"/>
            <a:ext cx="11515743" cy="5498937"/>
          </a:xfrm>
          <a:custGeom>
            <a:avLst/>
            <a:gdLst>
              <a:gd name="connsiteX0" fmla="*/ 1164080 w 11515743"/>
              <a:gd name="connsiteY0" fmla="*/ 0 h 5498937"/>
              <a:gd name="connsiteX1" fmla="*/ 8179053 w 11515743"/>
              <a:gd name="connsiteY1" fmla="*/ 0 h 5498937"/>
              <a:gd name="connsiteX2" fmla="*/ 8401820 w 11515743"/>
              <a:gd name="connsiteY2" fmla="*/ 222693 h 5498937"/>
              <a:gd name="connsiteX3" fmla="*/ 8401820 w 11515743"/>
              <a:gd name="connsiteY3" fmla="*/ 925341 h 5498937"/>
              <a:gd name="connsiteX4" fmla="*/ 8815606 w 11515743"/>
              <a:gd name="connsiteY4" fmla="*/ 1039935 h 5498937"/>
              <a:gd name="connsiteX5" fmla="*/ 9374882 w 11515743"/>
              <a:gd name="connsiteY5" fmla="*/ 108100 h 5498937"/>
              <a:gd name="connsiteX6" fmla="*/ 9565900 w 11515743"/>
              <a:gd name="connsiteY6" fmla="*/ 0 h 5498937"/>
              <a:gd name="connsiteX7" fmla="*/ 11292976 w 11515743"/>
              <a:gd name="connsiteY7" fmla="*/ 0 h 5498937"/>
              <a:gd name="connsiteX8" fmla="*/ 11515743 w 11515743"/>
              <a:gd name="connsiteY8" fmla="*/ 222693 h 5498937"/>
              <a:gd name="connsiteX9" fmla="*/ 11515743 w 11515743"/>
              <a:gd name="connsiteY9" fmla="*/ 3707595 h 5498937"/>
              <a:gd name="connsiteX10" fmla="*/ 11483732 w 11515743"/>
              <a:gd name="connsiteY10" fmla="*/ 3822556 h 5498937"/>
              <a:gd name="connsiteX11" fmla="*/ 10537757 w 11515743"/>
              <a:gd name="connsiteY11" fmla="*/ 5391204 h 5498937"/>
              <a:gd name="connsiteX12" fmla="*/ 10347000 w 11515743"/>
              <a:gd name="connsiteY12" fmla="*/ 5498937 h 5498937"/>
              <a:gd name="connsiteX13" fmla="*/ 222767 w 11515743"/>
              <a:gd name="connsiteY13" fmla="*/ 5498937 h 5498937"/>
              <a:gd name="connsiteX14" fmla="*/ 0 w 11515743"/>
              <a:gd name="connsiteY14" fmla="*/ 5276243 h 5498937"/>
              <a:gd name="connsiteX15" fmla="*/ 0 w 11515743"/>
              <a:gd name="connsiteY15" fmla="*/ 1791080 h 5498937"/>
              <a:gd name="connsiteX16" fmla="*/ 31749 w 11515743"/>
              <a:gd name="connsiteY16" fmla="*/ 1676486 h 5498937"/>
              <a:gd name="connsiteX17" fmla="*/ 973062 w 11515743"/>
              <a:gd name="connsiteY17" fmla="*/ 108100 h 5498937"/>
              <a:gd name="connsiteX18" fmla="*/ 1164080 w 11515743"/>
              <a:gd name="connsiteY18" fmla="*/ 0 h 54989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11515743" h="5498937">
                <a:moveTo>
                  <a:pt x="1164080" y="0"/>
                </a:moveTo>
                <a:lnTo>
                  <a:pt x="8179053" y="0"/>
                </a:lnTo>
                <a:cubicBezTo>
                  <a:pt x="8302067" y="0"/>
                  <a:pt x="8401820" y="99720"/>
                  <a:pt x="8401820" y="222693"/>
                </a:cubicBezTo>
                <a:lnTo>
                  <a:pt x="8401820" y="925341"/>
                </a:lnTo>
                <a:cubicBezTo>
                  <a:pt x="8401820" y="1151229"/>
                  <a:pt x="8699349" y="1233613"/>
                  <a:pt x="8815606" y="1039935"/>
                </a:cubicBezTo>
                <a:lnTo>
                  <a:pt x="9374882" y="108100"/>
                </a:lnTo>
                <a:cubicBezTo>
                  <a:pt x="9415118" y="41061"/>
                  <a:pt x="9487628" y="0"/>
                  <a:pt x="9565900" y="0"/>
                </a:cubicBezTo>
                <a:lnTo>
                  <a:pt x="11292976" y="0"/>
                </a:lnTo>
                <a:cubicBezTo>
                  <a:pt x="11415990" y="0"/>
                  <a:pt x="11515743" y="99720"/>
                  <a:pt x="11515743" y="222693"/>
                </a:cubicBezTo>
                <a:lnTo>
                  <a:pt x="11515743" y="3707595"/>
                </a:lnTo>
                <a:cubicBezTo>
                  <a:pt x="11515743" y="3748080"/>
                  <a:pt x="11504636" y="3787832"/>
                  <a:pt x="11483732" y="3822556"/>
                </a:cubicBezTo>
                <a:lnTo>
                  <a:pt x="10537757" y="5391204"/>
                </a:lnTo>
                <a:cubicBezTo>
                  <a:pt x="10497468" y="5458086"/>
                  <a:pt x="10425063" y="5498937"/>
                  <a:pt x="10347000" y="5498937"/>
                </a:cubicBezTo>
                <a:lnTo>
                  <a:pt x="222767" y="5498937"/>
                </a:lnTo>
                <a:cubicBezTo>
                  <a:pt x="99753" y="5498937"/>
                  <a:pt x="0" y="5399217"/>
                  <a:pt x="0" y="5276243"/>
                </a:cubicBezTo>
                <a:lnTo>
                  <a:pt x="0" y="1791080"/>
                </a:lnTo>
                <a:cubicBezTo>
                  <a:pt x="0" y="1750700"/>
                  <a:pt x="11002" y="1711105"/>
                  <a:pt x="31749" y="1676486"/>
                </a:cubicBezTo>
                <a:lnTo>
                  <a:pt x="973062" y="108100"/>
                </a:lnTo>
                <a:cubicBezTo>
                  <a:pt x="1013298" y="41061"/>
                  <a:pt x="1085808" y="0"/>
                  <a:pt x="1164080" y="0"/>
                </a:cubicBez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  <a:p>
            <a:endParaRPr lang="nb-NO" dirty="0"/>
          </a:p>
        </p:txBody>
      </p:sp>
      <p:pic>
        <p:nvPicPr>
          <p:cNvPr id="41" name="Bilde 40">
            <a:extLst>
              <a:ext uri="{FF2B5EF4-FFF2-40B4-BE49-F238E27FC236}">
                <a16:creationId xmlns:a16="http://schemas.microsoft.com/office/drawing/2014/main" id="{59A61231-5D90-F084-BD09-FB9296AC37C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42" name="Tittel 1">
            <a:extLst>
              <a:ext uri="{FF2B5EF4-FFF2-40B4-BE49-F238E27FC236}">
                <a16:creationId xmlns:a16="http://schemas.microsoft.com/office/drawing/2014/main" id="{4BDFA791-EC97-6EA4-F7A5-CD95002DE62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8198" y="5851088"/>
            <a:ext cx="9866088" cy="1006911"/>
          </a:xfrm>
        </p:spPr>
        <p:txBody>
          <a:bodyPr anchor="ctr">
            <a:normAutofit/>
          </a:bodyPr>
          <a:lstStyle>
            <a:lvl1pPr algn="l">
              <a:defRPr sz="4000"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544620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tel 1">
            <a:extLst>
              <a:ext uri="{FF2B5EF4-FFF2-40B4-BE49-F238E27FC236}">
                <a16:creationId xmlns:a16="http://schemas.microsoft.com/office/drawing/2014/main" id="{FC4E12D4-2910-C843-6B71-7F46BA225FF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81248" y="499674"/>
            <a:ext cx="7672551" cy="844554"/>
          </a:xfrm>
        </p:spPr>
        <p:txBody>
          <a:bodyPr anchor="t"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r>
              <a:rPr lang="nb-NO" dirty="0"/>
              <a:t>Prosjektnavn</a:t>
            </a:r>
          </a:p>
        </p:txBody>
      </p:sp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8400" y="1441885"/>
            <a:ext cx="3160800" cy="3412800"/>
          </a:xfrm>
          <a:prstGeom prst="roundRect">
            <a:avLst>
              <a:gd name="adj" fmla="val 4964"/>
            </a:avLst>
          </a:prstGeo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1" name="Plassholder for tekst 20">
            <a:extLst>
              <a:ext uri="{FF2B5EF4-FFF2-40B4-BE49-F238E27FC236}">
                <a16:creationId xmlns:a16="http://schemas.microsoft.com/office/drawing/2014/main" id="{A82A8184-0AFF-1FFE-18A6-203D2435BF10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1240972" y="5049653"/>
            <a:ext cx="2257770" cy="305146"/>
          </a:xfrm>
        </p:spPr>
        <p:txBody>
          <a:bodyPr anchor="ctr">
            <a:normAutofit/>
          </a:bodyPr>
          <a:lstStyle>
            <a:lvl1pPr marL="0" indent="0">
              <a:buNone/>
              <a:defRPr sz="1400" b="0">
                <a:solidFill>
                  <a:schemeClr val="bg2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endParaRPr lang="nb-NO" dirty="0"/>
          </a:p>
        </p:txBody>
      </p:sp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81248" y="1810800"/>
            <a:ext cx="7672551" cy="1616400"/>
          </a:xfrm>
        </p:spPr>
        <p:txBody>
          <a:bodyPr/>
          <a:lstStyle>
            <a:lvl1pPr marL="0" indent="0">
              <a:buNone/>
              <a:defRPr>
                <a:solidFill>
                  <a:schemeClr val="bg2"/>
                </a:solidFill>
              </a:defRPr>
            </a:lvl1pPr>
            <a:lvl2pPr marL="457200" indent="0">
              <a:buNone/>
              <a:defRPr>
                <a:solidFill>
                  <a:schemeClr val="bg2"/>
                </a:solidFill>
              </a:defRPr>
            </a:lvl2pPr>
            <a:lvl3pPr marL="914400" indent="0">
              <a:buNone/>
              <a:defRPr>
                <a:solidFill>
                  <a:schemeClr val="bg2"/>
                </a:solidFill>
              </a:defRPr>
            </a:lvl3pPr>
            <a:lvl4pPr marL="1371600" indent="0">
              <a:buNone/>
              <a:defRPr>
                <a:solidFill>
                  <a:schemeClr val="bg2"/>
                </a:solidFill>
              </a:defRPr>
            </a:lvl4pPr>
            <a:lvl5pPr marL="1828800" indent="0">
              <a:buNone/>
              <a:defRPr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7" name="Plassholder for bilde 9">
            <a:extLst>
              <a:ext uri="{FF2B5EF4-FFF2-40B4-BE49-F238E27FC236}">
                <a16:creationId xmlns:a16="http://schemas.microsoft.com/office/drawing/2014/main" id="{A8F5ABCB-B313-1B70-483C-47C8FDC3FAA9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9622800" y="3542400"/>
            <a:ext cx="2232000" cy="2790000"/>
          </a:xfrm>
          <a:custGeom>
            <a:avLst/>
            <a:gdLst>
              <a:gd name="connsiteX0" fmla="*/ 223186 w 4159699"/>
              <a:gd name="connsiteY0" fmla="*/ 0 h 5197250"/>
              <a:gd name="connsiteX1" fmla="*/ 3936513 w 4159699"/>
              <a:gd name="connsiteY1" fmla="*/ 0 h 5197250"/>
              <a:gd name="connsiteX2" fmla="*/ 4159699 w 4159699"/>
              <a:gd name="connsiteY2" fmla="*/ 223111 h 5197250"/>
              <a:gd name="connsiteX3" fmla="*/ 4159699 w 4159699"/>
              <a:gd name="connsiteY3" fmla="*/ 3403438 h 5197250"/>
              <a:gd name="connsiteX4" fmla="*/ 4127890 w 4159699"/>
              <a:gd name="connsiteY4" fmla="*/ 3518246 h 5197250"/>
              <a:gd name="connsiteX5" fmla="*/ 3184809 w 4159699"/>
              <a:gd name="connsiteY5" fmla="*/ 5089572 h 5197250"/>
              <a:gd name="connsiteX6" fmla="*/ 3050748 w 4159699"/>
              <a:gd name="connsiteY6" fmla="*/ 5190404 h 5197250"/>
              <a:gd name="connsiteX7" fmla="*/ 2998219 w 4159699"/>
              <a:gd name="connsiteY7" fmla="*/ 5197250 h 5197250"/>
              <a:gd name="connsiteX8" fmla="*/ 220095 w 4159699"/>
              <a:gd name="connsiteY8" fmla="*/ 5197250 h 5197250"/>
              <a:gd name="connsiteX9" fmla="*/ 136319 w 4159699"/>
              <a:gd name="connsiteY9" fmla="*/ 5180339 h 5197250"/>
              <a:gd name="connsiteX10" fmla="*/ 0 w 4159699"/>
              <a:gd name="connsiteY10" fmla="*/ 4974764 h 5197250"/>
              <a:gd name="connsiteX11" fmla="*/ 0 w 4159699"/>
              <a:gd name="connsiteY11" fmla="*/ 223111 h 5197250"/>
              <a:gd name="connsiteX12" fmla="*/ 223186 w 4159699"/>
              <a:gd name="connsiteY12" fmla="*/ 0 h 51972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4159699" h="5197250">
                <a:moveTo>
                  <a:pt x="223186" y="0"/>
                </a:moveTo>
                <a:lnTo>
                  <a:pt x="3936513" y="0"/>
                </a:lnTo>
                <a:cubicBezTo>
                  <a:pt x="4059758" y="0"/>
                  <a:pt x="4159699" y="99907"/>
                  <a:pt x="4159699" y="223111"/>
                </a:cubicBezTo>
                <a:lnTo>
                  <a:pt x="4159699" y="3403438"/>
                </a:lnTo>
                <a:cubicBezTo>
                  <a:pt x="4159699" y="3443894"/>
                  <a:pt x="4148728" y="3483562"/>
                  <a:pt x="4127890" y="3518246"/>
                </a:cubicBezTo>
                <a:lnTo>
                  <a:pt x="3184809" y="5089572"/>
                </a:lnTo>
                <a:cubicBezTo>
                  <a:pt x="3154575" y="5139985"/>
                  <a:pt x="3106153" y="5175698"/>
                  <a:pt x="3050748" y="5190404"/>
                </a:cubicBezTo>
                <a:lnTo>
                  <a:pt x="2998219" y="5197250"/>
                </a:lnTo>
                <a:lnTo>
                  <a:pt x="220095" y="5197250"/>
                </a:lnTo>
                <a:lnTo>
                  <a:pt x="136319" y="5180339"/>
                </a:lnTo>
                <a:cubicBezTo>
                  <a:pt x="56217" y="5146465"/>
                  <a:pt x="0" y="5067167"/>
                  <a:pt x="0" y="4974764"/>
                </a:cubicBezTo>
                <a:lnTo>
                  <a:pt x="0" y="223111"/>
                </a:lnTo>
                <a:cubicBezTo>
                  <a:pt x="0" y="99907"/>
                  <a:pt x="99940" y="0"/>
                  <a:pt x="223186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endParaRPr lang="nb-NO"/>
          </a:p>
        </p:txBody>
      </p:sp>
      <p:sp>
        <p:nvSpPr>
          <p:cNvPr id="8" name="Plassholder for innhold 2">
            <a:extLst>
              <a:ext uri="{FF2B5EF4-FFF2-40B4-BE49-F238E27FC236}">
                <a16:creationId xmlns:a16="http://schemas.microsoft.com/office/drawing/2014/main" id="{D63BF8F7-D367-F9E9-DE80-87DE7C433803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3681247" y="3909600"/>
            <a:ext cx="5752800" cy="2448000"/>
          </a:xfrm>
        </p:spPr>
        <p:txBody>
          <a:bodyPr/>
          <a:lstStyle>
            <a:lvl1pPr marL="0" indent="0">
              <a:buNone/>
              <a:defRPr>
                <a:solidFill>
                  <a:schemeClr val="bg2"/>
                </a:solidFill>
              </a:defRPr>
            </a:lvl1pPr>
            <a:lvl2pPr marL="457200" indent="0">
              <a:buNone/>
              <a:defRPr>
                <a:solidFill>
                  <a:schemeClr val="bg2"/>
                </a:solidFill>
              </a:defRPr>
            </a:lvl2pPr>
            <a:lvl3pPr marL="914400" indent="0">
              <a:buNone/>
              <a:defRPr>
                <a:solidFill>
                  <a:schemeClr val="bg2"/>
                </a:solidFill>
              </a:defRPr>
            </a:lvl3pPr>
            <a:lvl4pPr marL="1371600" indent="0">
              <a:buNone/>
              <a:defRPr>
                <a:solidFill>
                  <a:schemeClr val="bg2"/>
                </a:solidFill>
              </a:defRPr>
            </a:lvl4pPr>
            <a:lvl5pPr marL="1828800" indent="0">
              <a:buNone/>
              <a:defRPr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5ED69F17-B5E0-6A62-BB97-2C8F42A7C954}"/>
              </a:ext>
            </a:extLst>
          </p:cNvPr>
          <p:cNvSpPr txBox="1"/>
          <p:nvPr userDrawn="1"/>
        </p:nvSpPr>
        <p:spPr>
          <a:xfrm>
            <a:off x="3679199" y="1441885"/>
            <a:ext cx="275571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800" b="1" dirty="0">
                <a:solidFill>
                  <a:schemeClr val="bg2"/>
                </a:solidFill>
              </a:rPr>
              <a:t>Om prosjekte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F8D9D0E-536A-9035-B0A9-B21DCF1C9722}"/>
              </a:ext>
            </a:extLst>
          </p:cNvPr>
          <p:cNvSpPr txBox="1"/>
          <p:nvPr userDrawn="1"/>
        </p:nvSpPr>
        <p:spPr>
          <a:xfrm>
            <a:off x="3679199" y="3543993"/>
            <a:ext cx="275571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800" b="1" dirty="0">
                <a:solidFill>
                  <a:schemeClr val="bg2"/>
                </a:solidFill>
              </a:rPr>
              <a:t>Vårt arbeidsomfang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1CA139F6-DA7D-58A5-4C06-2F3362DBEE06}"/>
              </a:ext>
            </a:extLst>
          </p:cNvPr>
          <p:cNvSpPr txBox="1"/>
          <p:nvPr userDrawn="1"/>
        </p:nvSpPr>
        <p:spPr>
          <a:xfrm>
            <a:off x="337200" y="5050800"/>
            <a:ext cx="903771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400" b="1" dirty="0">
                <a:solidFill>
                  <a:schemeClr val="bg2"/>
                </a:solidFill>
              </a:rPr>
              <a:t>Kunde</a:t>
            </a:r>
          </a:p>
        </p:txBody>
      </p:sp>
      <p:sp>
        <p:nvSpPr>
          <p:cNvPr id="14" name="Plassholder for tekst 20">
            <a:extLst>
              <a:ext uri="{FF2B5EF4-FFF2-40B4-BE49-F238E27FC236}">
                <a16:creationId xmlns:a16="http://schemas.microsoft.com/office/drawing/2014/main" id="{3172713F-389C-FEB2-6C74-5E1F395F33ED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1243019" y="5554691"/>
            <a:ext cx="2249476" cy="303999"/>
          </a:xfrm>
        </p:spPr>
        <p:txBody>
          <a:bodyPr anchor="ctr">
            <a:normAutofit/>
          </a:bodyPr>
          <a:lstStyle>
            <a:lvl1pPr marL="0" indent="0">
              <a:buNone/>
              <a:defRPr sz="1400" b="0">
                <a:solidFill>
                  <a:schemeClr val="bg2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endParaRPr lang="nb-NO" dirty="0"/>
          </a:p>
        </p:txBody>
      </p:sp>
      <p:sp>
        <p:nvSpPr>
          <p:cNvPr id="15" name="Plassholder for tekst 20">
            <a:extLst>
              <a:ext uri="{FF2B5EF4-FFF2-40B4-BE49-F238E27FC236}">
                <a16:creationId xmlns:a16="http://schemas.microsoft.com/office/drawing/2014/main" id="{26CA91C1-CCCD-EE15-672F-BFD3F0483EE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243018" y="6051028"/>
            <a:ext cx="2249476" cy="312702"/>
          </a:xfrm>
        </p:spPr>
        <p:txBody>
          <a:bodyPr anchor="ctr">
            <a:normAutofit/>
          </a:bodyPr>
          <a:lstStyle>
            <a:lvl1pPr marL="0" indent="0">
              <a:buNone/>
              <a:defRPr sz="1400" b="0">
                <a:solidFill>
                  <a:schemeClr val="bg2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endParaRPr lang="nb-NO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52C71266-A1FE-C02A-12B7-48309B27E717}"/>
              </a:ext>
            </a:extLst>
          </p:cNvPr>
          <p:cNvSpPr txBox="1"/>
          <p:nvPr userDrawn="1"/>
        </p:nvSpPr>
        <p:spPr>
          <a:xfrm>
            <a:off x="337200" y="6054806"/>
            <a:ext cx="903771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400" b="1" dirty="0">
                <a:solidFill>
                  <a:schemeClr val="bg2"/>
                </a:solidFill>
              </a:rPr>
              <a:t>Periode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6C87B7BE-C8DA-7E36-6C13-5DB2DC3203BC}"/>
              </a:ext>
            </a:extLst>
          </p:cNvPr>
          <p:cNvSpPr txBox="1"/>
          <p:nvPr userDrawn="1"/>
        </p:nvSpPr>
        <p:spPr>
          <a:xfrm>
            <a:off x="337200" y="5550914"/>
            <a:ext cx="903771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400" b="1" dirty="0">
                <a:solidFill>
                  <a:schemeClr val="bg2"/>
                </a:solidFill>
              </a:rPr>
              <a:t>Lokasjon</a:t>
            </a:r>
          </a:p>
        </p:txBody>
      </p:sp>
    </p:spTree>
    <p:extLst>
      <p:ext uri="{BB962C8B-B14F-4D97-AF65-F5344CB8AC3E}">
        <p14:creationId xmlns:p14="http://schemas.microsoft.com/office/powerpoint/2010/main" val="1331983317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lassholder for bilde 8">
            <a:extLst>
              <a:ext uri="{FF2B5EF4-FFF2-40B4-BE49-F238E27FC236}">
                <a16:creationId xmlns:a16="http://schemas.microsoft.com/office/drawing/2014/main" id="{B9831464-154F-E956-C1C1-E16F6FD049E8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1" y="2790497"/>
            <a:ext cx="12192000" cy="4067503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3" name="Tittel 1">
            <a:extLst>
              <a:ext uri="{FF2B5EF4-FFF2-40B4-BE49-F238E27FC236}">
                <a16:creationId xmlns:a16="http://schemas.microsoft.com/office/drawing/2014/main" id="{FC4E12D4-2910-C843-6B71-7F46BA225FF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199" y="361508"/>
            <a:ext cx="6222999" cy="844554"/>
          </a:xfrm>
        </p:spPr>
        <p:txBody>
          <a:bodyPr anchor="t"/>
          <a:lstStyle>
            <a:lvl1pPr>
              <a:defRPr/>
            </a:lvl1pPr>
          </a:lstStyle>
          <a:p>
            <a:r>
              <a:rPr lang="nb-NO" dirty="0"/>
              <a:t>Referanse</a:t>
            </a:r>
          </a:p>
        </p:txBody>
      </p:sp>
      <p:sp>
        <p:nvSpPr>
          <p:cNvPr id="14" name="Plassholder for tekst 13">
            <a:extLst>
              <a:ext uri="{FF2B5EF4-FFF2-40B4-BE49-F238E27FC236}">
                <a16:creationId xmlns:a16="http://schemas.microsoft.com/office/drawing/2014/main" id="{1F46AC2E-11CB-3AD3-ACA3-4856E9C8F3D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38200" y="1308100"/>
            <a:ext cx="6223000" cy="1266825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for å redigere tekststiler i malen.</a:t>
            </a:r>
          </a:p>
        </p:txBody>
      </p:sp>
      <p:sp>
        <p:nvSpPr>
          <p:cNvPr id="24" name="Plassholder for tekst 6">
            <a:extLst>
              <a:ext uri="{FF2B5EF4-FFF2-40B4-BE49-F238E27FC236}">
                <a16:creationId xmlns:a16="http://schemas.microsoft.com/office/drawing/2014/main" id="{32ADAEF7-4462-FD27-0E7E-93A9904249CD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8434456" y="388784"/>
            <a:ext cx="3306829" cy="370621"/>
          </a:xfrm>
        </p:spPr>
        <p:txBody>
          <a:bodyPr>
            <a:noAutofit/>
          </a:bodyPr>
          <a:lstStyle>
            <a:lvl1pPr marL="0" indent="0">
              <a:buNone/>
              <a:defRPr sz="1200"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29" name="TekstSylinder 28">
            <a:extLst>
              <a:ext uri="{FF2B5EF4-FFF2-40B4-BE49-F238E27FC236}">
                <a16:creationId xmlns:a16="http://schemas.microsoft.com/office/drawing/2014/main" id="{AE065677-ED40-1852-ECB2-00B28686E4CD}"/>
              </a:ext>
            </a:extLst>
          </p:cNvPr>
          <p:cNvSpPr txBox="1"/>
          <p:nvPr userDrawn="1"/>
        </p:nvSpPr>
        <p:spPr>
          <a:xfrm>
            <a:off x="7190177" y="363455"/>
            <a:ext cx="109778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200" b="1" dirty="0">
                <a:solidFill>
                  <a:schemeClr val="bg2"/>
                </a:solidFill>
              </a:rPr>
              <a:t>Kunde</a:t>
            </a:r>
          </a:p>
        </p:txBody>
      </p:sp>
      <p:sp>
        <p:nvSpPr>
          <p:cNvPr id="38" name="TekstSylinder 37">
            <a:extLst>
              <a:ext uri="{FF2B5EF4-FFF2-40B4-BE49-F238E27FC236}">
                <a16:creationId xmlns:a16="http://schemas.microsoft.com/office/drawing/2014/main" id="{7FB1D602-A67B-61D3-5B77-54F01ADC8EE6}"/>
              </a:ext>
            </a:extLst>
          </p:cNvPr>
          <p:cNvSpPr txBox="1"/>
          <p:nvPr userDrawn="1"/>
        </p:nvSpPr>
        <p:spPr>
          <a:xfrm>
            <a:off x="7190177" y="800836"/>
            <a:ext cx="109778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200" b="1" dirty="0">
                <a:solidFill>
                  <a:schemeClr val="bg2"/>
                </a:solidFill>
              </a:rPr>
              <a:t>Lokasjon</a:t>
            </a:r>
          </a:p>
        </p:txBody>
      </p:sp>
      <p:sp>
        <p:nvSpPr>
          <p:cNvPr id="39" name="TekstSylinder 38">
            <a:extLst>
              <a:ext uri="{FF2B5EF4-FFF2-40B4-BE49-F238E27FC236}">
                <a16:creationId xmlns:a16="http://schemas.microsoft.com/office/drawing/2014/main" id="{5071A402-4FC7-9339-F013-53A7B239324A}"/>
              </a:ext>
            </a:extLst>
          </p:cNvPr>
          <p:cNvSpPr txBox="1"/>
          <p:nvPr userDrawn="1"/>
        </p:nvSpPr>
        <p:spPr>
          <a:xfrm>
            <a:off x="7190177" y="1238217"/>
            <a:ext cx="109778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200" b="1" dirty="0">
                <a:solidFill>
                  <a:schemeClr val="bg2"/>
                </a:solidFill>
              </a:rPr>
              <a:t>Tidsperiode</a:t>
            </a:r>
          </a:p>
        </p:txBody>
      </p:sp>
      <p:sp>
        <p:nvSpPr>
          <p:cNvPr id="40" name="TekstSylinder 39">
            <a:extLst>
              <a:ext uri="{FF2B5EF4-FFF2-40B4-BE49-F238E27FC236}">
                <a16:creationId xmlns:a16="http://schemas.microsoft.com/office/drawing/2014/main" id="{90CAF9F3-3417-E0E4-C810-5B6735044A89}"/>
              </a:ext>
            </a:extLst>
          </p:cNvPr>
          <p:cNvSpPr txBox="1"/>
          <p:nvPr userDrawn="1"/>
        </p:nvSpPr>
        <p:spPr>
          <a:xfrm>
            <a:off x="7190177" y="1670977"/>
            <a:ext cx="109778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200" b="1" dirty="0">
                <a:solidFill>
                  <a:schemeClr val="bg2"/>
                </a:solidFill>
              </a:rPr>
              <a:t>Nøkkeltall</a:t>
            </a:r>
          </a:p>
        </p:txBody>
      </p:sp>
      <p:sp>
        <p:nvSpPr>
          <p:cNvPr id="41" name="TekstSylinder 40">
            <a:extLst>
              <a:ext uri="{FF2B5EF4-FFF2-40B4-BE49-F238E27FC236}">
                <a16:creationId xmlns:a16="http://schemas.microsoft.com/office/drawing/2014/main" id="{46B495B9-AAB2-F3DC-EA19-614334F31D02}"/>
              </a:ext>
            </a:extLst>
          </p:cNvPr>
          <p:cNvSpPr txBox="1"/>
          <p:nvPr userDrawn="1"/>
        </p:nvSpPr>
        <p:spPr>
          <a:xfrm>
            <a:off x="7190177" y="2103737"/>
            <a:ext cx="1097789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200" b="1" dirty="0">
                <a:solidFill>
                  <a:schemeClr val="bg2"/>
                </a:solidFill>
              </a:rPr>
              <a:t>Kompetanse</a:t>
            </a:r>
          </a:p>
        </p:txBody>
      </p:sp>
      <p:sp>
        <p:nvSpPr>
          <p:cNvPr id="42" name="Plassholder for tekst 6">
            <a:extLst>
              <a:ext uri="{FF2B5EF4-FFF2-40B4-BE49-F238E27FC236}">
                <a16:creationId xmlns:a16="http://schemas.microsoft.com/office/drawing/2014/main" id="{053B35F0-6A51-9B3E-4289-0AE089F2C8BC}"/>
              </a:ext>
            </a:extLst>
          </p:cNvPr>
          <p:cNvSpPr>
            <a:spLocks noGrp="1"/>
          </p:cNvSpPr>
          <p:nvPr>
            <p:ph type="body" sz="quarter" idx="34"/>
          </p:nvPr>
        </p:nvSpPr>
        <p:spPr>
          <a:xfrm>
            <a:off x="8434456" y="826529"/>
            <a:ext cx="3306829" cy="370621"/>
          </a:xfrm>
        </p:spPr>
        <p:txBody>
          <a:bodyPr>
            <a:noAutofit/>
          </a:bodyPr>
          <a:lstStyle>
            <a:lvl1pPr marL="0" indent="0">
              <a:buNone/>
              <a:defRPr sz="1200"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3" name="Plassholder for tekst 6">
            <a:extLst>
              <a:ext uri="{FF2B5EF4-FFF2-40B4-BE49-F238E27FC236}">
                <a16:creationId xmlns:a16="http://schemas.microsoft.com/office/drawing/2014/main" id="{14AD1753-F5FA-3CB3-B63D-B3BD4C75AF9D}"/>
              </a:ext>
            </a:extLst>
          </p:cNvPr>
          <p:cNvSpPr>
            <a:spLocks noGrp="1"/>
          </p:cNvSpPr>
          <p:nvPr>
            <p:ph type="body" sz="quarter" idx="35"/>
          </p:nvPr>
        </p:nvSpPr>
        <p:spPr>
          <a:xfrm>
            <a:off x="8434456" y="1264274"/>
            <a:ext cx="3306829" cy="370621"/>
          </a:xfrm>
        </p:spPr>
        <p:txBody>
          <a:bodyPr>
            <a:noAutofit/>
          </a:bodyPr>
          <a:lstStyle>
            <a:lvl1pPr marL="0" indent="0">
              <a:buNone/>
              <a:defRPr sz="1200"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4" name="Plassholder for tekst 6">
            <a:extLst>
              <a:ext uri="{FF2B5EF4-FFF2-40B4-BE49-F238E27FC236}">
                <a16:creationId xmlns:a16="http://schemas.microsoft.com/office/drawing/2014/main" id="{F9E598C6-9766-0C85-9BCB-082B987576A0}"/>
              </a:ext>
            </a:extLst>
          </p:cNvPr>
          <p:cNvSpPr>
            <a:spLocks noGrp="1"/>
          </p:cNvSpPr>
          <p:nvPr>
            <p:ph type="body" sz="quarter" idx="36"/>
          </p:nvPr>
        </p:nvSpPr>
        <p:spPr>
          <a:xfrm>
            <a:off x="8434456" y="1692290"/>
            <a:ext cx="3306829" cy="370621"/>
          </a:xfrm>
        </p:spPr>
        <p:txBody>
          <a:bodyPr>
            <a:noAutofit/>
          </a:bodyPr>
          <a:lstStyle>
            <a:lvl1pPr marL="0" indent="0">
              <a:buNone/>
              <a:defRPr sz="1200"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5" name="Plassholder for tekst 6">
            <a:extLst>
              <a:ext uri="{FF2B5EF4-FFF2-40B4-BE49-F238E27FC236}">
                <a16:creationId xmlns:a16="http://schemas.microsoft.com/office/drawing/2014/main" id="{228F7B2F-F0F1-A66B-EB62-1D1E222FB68E}"/>
              </a:ext>
            </a:extLst>
          </p:cNvPr>
          <p:cNvSpPr>
            <a:spLocks noGrp="1"/>
          </p:cNvSpPr>
          <p:nvPr>
            <p:ph type="body" sz="quarter" idx="37"/>
          </p:nvPr>
        </p:nvSpPr>
        <p:spPr>
          <a:xfrm>
            <a:off x="8434456" y="2130034"/>
            <a:ext cx="3306829" cy="370621"/>
          </a:xfrm>
        </p:spPr>
        <p:txBody>
          <a:bodyPr>
            <a:noAutofit/>
          </a:bodyPr>
          <a:lstStyle>
            <a:lvl1pPr marL="0" indent="0">
              <a:buNone/>
              <a:defRPr sz="1200">
                <a:latin typeface="+mn-lt"/>
              </a:defRPr>
            </a:lvl1pPr>
          </a:lstStyle>
          <a:p>
            <a:pPr lvl="0"/>
            <a:r>
              <a:rPr lang="en-US"/>
              <a:t>Click to edit Master text styles</a:t>
            </a:r>
          </a:p>
        </p:txBody>
      </p:sp>
      <p:grpSp>
        <p:nvGrpSpPr>
          <p:cNvPr id="55" name="Gruppe 54">
            <a:extLst>
              <a:ext uri="{FF2B5EF4-FFF2-40B4-BE49-F238E27FC236}">
                <a16:creationId xmlns:a16="http://schemas.microsoft.com/office/drawing/2014/main" id="{662C8179-9DA9-BF77-50CE-CA4954527754}"/>
              </a:ext>
            </a:extLst>
          </p:cNvPr>
          <p:cNvGrpSpPr/>
          <p:nvPr userDrawn="1"/>
        </p:nvGrpSpPr>
        <p:grpSpPr>
          <a:xfrm>
            <a:off x="8416943" y="357215"/>
            <a:ext cx="3324342" cy="1762003"/>
            <a:chOff x="8434456" y="341734"/>
            <a:chExt cx="4094770" cy="1762003"/>
          </a:xfrm>
        </p:grpSpPr>
        <p:cxnSp>
          <p:nvCxnSpPr>
            <p:cNvPr id="23" name="Rett linje 22">
              <a:extLst>
                <a:ext uri="{FF2B5EF4-FFF2-40B4-BE49-F238E27FC236}">
                  <a16:creationId xmlns:a16="http://schemas.microsoft.com/office/drawing/2014/main" id="{CB71CE1A-3AB3-EFFD-EC18-D6F73CBC967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434456" y="2092713"/>
              <a:ext cx="4094770" cy="11024"/>
            </a:xfrm>
            <a:prstGeom prst="line">
              <a:avLst/>
            </a:prstGeom>
            <a:ln>
              <a:solidFill>
                <a:schemeClr val="accent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1" name="Rett linje 50">
              <a:extLst>
                <a:ext uri="{FF2B5EF4-FFF2-40B4-BE49-F238E27FC236}">
                  <a16:creationId xmlns:a16="http://schemas.microsoft.com/office/drawing/2014/main" id="{F7D0EF3A-6410-EA50-5AA6-1EBF985B137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434456" y="1645240"/>
              <a:ext cx="4094770" cy="11024"/>
            </a:xfrm>
            <a:prstGeom prst="line">
              <a:avLst/>
            </a:prstGeom>
            <a:ln>
              <a:solidFill>
                <a:schemeClr val="accent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2" name="Rett linje 51">
              <a:extLst>
                <a:ext uri="{FF2B5EF4-FFF2-40B4-BE49-F238E27FC236}">
                  <a16:creationId xmlns:a16="http://schemas.microsoft.com/office/drawing/2014/main" id="{73F640F9-A628-FD34-AEB7-BD618E2935B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434456" y="1217223"/>
              <a:ext cx="4094770" cy="11024"/>
            </a:xfrm>
            <a:prstGeom prst="line">
              <a:avLst/>
            </a:prstGeom>
            <a:ln>
              <a:solidFill>
                <a:schemeClr val="accent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3" name="Rett linje 52">
              <a:extLst>
                <a:ext uri="{FF2B5EF4-FFF2-40B4-BE49-F238E27FC236}">
                  <a16:creationId xmlns:a16="http://schemas.microsoft.com/office/drawing/2014/main" id="{A58E8E77-F068-768F-A73D-61F944508FE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434456" y="779478"/>
              <a:ext cx="4094770" cy="11024"/>
            </a:xfrm>
            <a:prstGeom prst="line">
              <a:avLst/>
            </a:prstGeom>
            <a:ln>
              <a:solidFill>
                <a:schemeClr val="accent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54" name="Rett linje 53">
              <a:extLst>
                <a:ext uri="{FF2B5EF4-FFF2-40B4-BE49-F238E27FC236}">
                  <a16:creationId xmlns:a16="http://schemas.microsoft.com/office/drawing/2014/main" id="{CC5ABC81-B3C5-90F9-8C87-F7ABA75C4A23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434456" y="341734"/>
              <a:ext cx="4094770" cy="11024"/>
            </a:xfrm>
            <a:prstGeom prst="line">
              <a:avLst/>
            </a:prstGeom>
            <a:ln>
              <a:solidFill>
                <a:schemeClr val="accent5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56" name="TekstSylinder 55">
            <a:extLst>
              <a:ext uri="{FF2B5EF4-FFF2-40B4-BE49-F238E27FC236}">
                <a16:creationId xmlns:a16="http://schemas.microsoft.com/office/drawing/2014/main" id="{FE4504B8-F5FE-A613-6F29-46784AE678CC}"/>
              </a:ext>
            </a:extLst>
          </p:cNvPr>
          <p:cNvSpPr txBox="1"/>
          <p:nvPr userDrawn="1"/>
        </p:nvSpPr>
        <p:spPr>
          <a:xfrm>
            <a:off x="9562289" y="515566"/>
            <a:ext cx="18473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40734659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Mellomslid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ssholder for bilde 6">
            <a:extLst>
              <a:ext uri="{FF2B5EF4-FFF2-40B4-BE49-F238E27FC236}">
                <a16:creationId xmlns:a16="http://schemas.microsoft.com/office/drawing/2014/main" id="{B74CB703-39D3-7675-1101-34100DC35A39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0" y="3082925"/>
            <a:ext cx="12192000" cy="3775075"/>
          </a:xfrm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nb-NO" noProof="0" dirty="0"/>
              <a:t>Trykk for å legge til bilde</a:t>
            </a:r>
          </a:p>
        </p:txBody>
      </p:sp>
      <p:sp>
        <p:nvSpPr>
          <p:cNvPr id="2" name="Tittel 1">
            <a:extLst>
              <a:ext uri="{FF2B5EF4-FFF2-40B4-BE49-F238E27FC236}">
                <a16:creationId xmlns:a16="http://schemas.microsoft.com/office/drawing/2014/main" id="{25724F7B-1D15-0118-D146-2B2E16422B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38207" y="1056173"/>
            <a:ext cx="11515586" cy="1529372"/>
          </a:xfrm>
        </p:spPr>
        <p:txBody>
          <a:bodyPr anchor="b">
            <a:normAutofit/>
          </a:bodyPr>
          <a:lstStyle>
            <a:lvl1pPr algn="l">
              <a:defRPr sz="540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redigere tittelstil</a:t>
            </a:r>
          </a:p>
        </p:txBody>
      </p:sp>
      <p:pic>
        <p:nvPicPr>
          <p:cNvPr id="3" name="Bilde 2">
            <a:extLst>
              <a:ext uri="{FF2B5EF4-FFF2-40B4-BE49-F238E27FC236}">
                <a16:creationId xmlns:a16="http://schemas.microsoft.com/office/drawing/2014/main" id="{1DDC5DD6-7423-8B16-73AC-BE35C6F0D9B5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851520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ferans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lassholder for bilde 8">
            <a:extLst>
              <a:ext uri="{FF2B5EF4-FFF2-40B4-BE49-F238E27FC236}">
                <a16:creationId xmlns:a16="http://schemas.microsoft.com/office/drawing/2014/main" id="{B9831464-154F-E956-C1C1-E16F6FD049E8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6095999" y="1"/>
            <a:ext cx="6096001" cy="6858000"/>
          </a:xfrm>
        </p:spPr>
        <p:txBody>
          <a:bodyPr anchor="ctr"/>
          <a:lstStyle>
            <a:lvl1pPr marL="0" indent="0" algn="ctr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3" name="Tittel 1">
            <a:extLst>
              <a:ext uri="{FF2B5EF4-FFF2-40B4-BE49-F238E27FC236}">
                <a16:creationId xmlns:a16="http://schemas.microsoft.com/office/drawing/2014/main" id="{FC4E12D4-2910-C843-6B71-7F46BA225FF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199" y="361508"/>
            <a:ext cx="4535773" cy="844554"/>
          </a:xfrm>
        </p:spPr>
        <p:txBody>
          <a:bodyPr anchor="t"/>
          <a:lstStyle>
            <a:lvl1pPr>
              <a:defRPr/>
            </a:lvl1pPr>
          </a:lstStyle>
          <a:p>
            <a:r>
              <a:rPr lang="nb-NO" dirty="0"/>
              <a:t>Referanse</a:t>
            </a:r>
          </a:p>
        </p:txBody>
      </p:sp>
      <p:sp>
        <p:nvSpPr>
          <p:cNvPr id="14" name="Plassholder for tekst 13">
            <a:extLst>
              <a:ext uri="{FF2B5EF4-FFF2-40B4-BE49-F238E27FC236}">
                <a16:creationId xmlns:a16="http://schemas.microsoft.com/office/drawing/2014/main" id="{1F46AC2E-11CB-3AD3-ACA3-4856E9C8F3DC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38200" y="1308100"/>
            <a:ext cx="4535774" cy="2207093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for å redigere tekststiler i malen.</a:t>
            </a:r>
          </a:p>
        </p:txBody>
      </p:sp>
      <p:sp>
        <p:nvSpPr>
          <p:cNvPr id="4" name="Plassholder for tekst 13">
            <a:extLst>
              <a:ext uri="{FF2B5EF4-FFF2-40B4-BE49-F238E27FC236}">
                <a16:creationId xmlns:a16="http://schemas.microsoft.com/office/drawing/2014/main" id="{43B2B969-163F-2EF6-06E1-A79D5B1C07B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38200" y="3639070"/>
            <a:ext cx="4535774" cy="2207093"/>
          </a:xfrm>
        </p:spPr>
        <p:txBody>
          <a:bodyPr>
            <a:normAutofit/>
          </a:bodyPr>
          <a:lstStyle>
            <a:lvl1pPr marL="0" indent="0">
              <a:buNone/>
              <a:defRPr sz="20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likk for å redigere tekststiler i malen.</a:t>
            </a:r>
          </a:p>
        </p:txBody>
      </p:sp>
      <p:sp>
        <p:nvSpPr>
          <p:cNvPr id="10" name="Plassholder for tekst 9">
            <a:extLst>
              <a:ext uri="{FF2B5EF4-FFF2-40B4-BE49-F238E27FC236}">
                <a16:creationId xmlns:a16="http://schemas.microsoft.com/office/drawing/2014/main" id="{5B92D9CA-6F28-C9F4-F4B4-404A963237D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536617" y="361509"/>
            <a:ext cx="5317176" cy="844554"/>
          </a:xfrm>
        </p:spPr>
        <p:txBody>
          <a:bodyPr>
            <a:noAutofit/>
          </a:bodyPr>
          <a:lstStyle>
            <a:lvl1pPr marL="0" indent="0">
              <a:buNone/>
              <a:defRPr sz="1200" b="1">
                <a:solidFill>
                  <a:schemeClr val="bg2"/>
                </a:solidFill>
              </a:defRPr>
            </a:lvl1pPr>
            <a:lvl2pPr marL="457200" indent="0">
              <a:buNone/>
              <a:defRPr sz="1200" b="1"/>
            </a:lvl2pPr>
            <a:lvl3pPr marL="914400" indent="0">
              <a:buNone/>
              <a:defRPr sz="1200" b="1"/>
            </a:lvl3pPr>
            <a:lvl4pPr marL="1371600" indent="0">
              <a:buNone/>
              <a:defRPr sz="1200" b="1"/>
            </a:lvl4pPr>
            <a:lvl5pPr marL="1828800" indent="0">
              <a:buNone/>
              <a:defRPr sz="1200" b="1"/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233472536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m foredragsho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tel 1">
            <a:extLst>
              <a:ext uri="{FF2B5EF4-FFF2-40B4-BE49-F238E27FC236}">
                <a16:creationId xmlns:a16="http://schemas.microsoft.com/office/drawing/2014/main" id="{FC4E12D4-2910-C843-6B71-7F46BA225FF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681248" y="360000"/>
            <a:ext cx="7672551" cy="936000"/>
          </a:xfrm>
        </p:spPr>
        <p:txBody>
          <a:bodyPr anchor="t"/>
          <a:lstStyle/>
          <a:p>
            <a:r>
              <a:rPr lang="nb-NO" dirty="0"/>
              <a:t>Om foredragsholder</a:t>
            </a:r>
          </a:p>
        </p:txBody>
      </p:sp>
      <p:sp>
        <p:nvSpPr>
          <p:cNvPr id="11" name="Plassholder for bilde 8">
            <a:extLst>
              <a:ext uri="{FF2B5EF4-FFF2-40B4-BE49-F238E27FC236}">
                <a16:creationId xmlns:a16="http://schemas.microsoft.com/office/drawing/2014/main" id="{1D3F7AE6-EA41-2FF8-6723-9800007D84D2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338207" y="1440000"/>
            <a:ext cx="2694183" cy="2909398"/>
          </a:xfrm>
          <a:prstGeom prst="roundRect">
            <a:avLst>
              <a:gd name="adj" fmla="val 4964"/>
            </a:avLst>
          </a:prstGeom>
        </p:spPr>
        <p:txBody>
          <a:bodyPr/>
          <a:lstStyle>
            <a:lvl1pPr marL="0" indent="0">
              <a:buNone/>
              <a:defRPr/>
            </a:lvl1pPr>
          </a:lstStyle>
          <a:p>
            <a:r>
              <a:rPr lang="en-US"/>
              <a:t>Click icon to add picture</a:t>
            </a:r>
            <a:endParaRPr lang="nb-NO" dirty="0"/>
          </a:p>
        </p:txBody>
      </p:sp>
      <p:pic>
        <p:nvPicPr>
          <p:cNvPr id="2" name="Bilde 1">
            <a:extLst>
              <a:ext uri="{FF2B5EF4-FFF2-40B4-BE49-F238E27FC236}">
                <a16:creationId xmlns:a16="http://schemas.microsoft.com/office/drawing/2014/main" id="{A34ED3EA-11F6-7BED-2AE4-12436DD85E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21" name="Plassholder for tekst 20">
            <a:extLst>
              <a:ext uri="{FF2B5EF4-FFF2-40B4-BE49-F238E27FC236}">
                <a16:creationId xmlns:a16="http://schemas.microsoft.com/office/drawing/2014/main" id="{A82A8184-0AFF-1FFE-18A6-203D2435BF10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37942" y="4597130"/>
            <a:ext cx="2693987" cy="426603"/>
          </a:xfrm>
        </p:spPr>
        <p:txBody>
          <a:bodyPr anchor="b">
            <a:normAutofit/>
          </a:bodyPr>
          <a:lstStyle>
            <a:lvl1pPr marL="0" indent="0">
              <a:buNone/>
              <a:defRPr sz="2000" b="1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ontaktperson</a:t>
            </a:r>
          </a:p>
        </p:txBody>
      </p:sp>
      <p:sp>
        <p:nvSpPr>
          <p:cNvPr id="22" name="Plassholder for tekst 20">
            <a:extLst>
              <a:ext uri="{FF2B5EF4-FFF2-40B4-BE49-F238E27FC236}">
                <a16:creationId xmlns:a16="http://schemas.microsoft.com/office/drawing/2014/main" id="{045562B0-3961-E9F6-9F99-44DF7D928B4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7942" y="5117392"/>
            <a:ext cx="2693987" cy="913295"/>
          </a:xfrm>
        </p:spPr>
        <p:txBody>
          <a:bodyPr anchor="t">
            <a:normAutofit/>
          </a:bodyPr>
          <a:lstStyle>
            <a:lvl1pPr marL="0" indent="0">
              <a:buNone/>
              <a:defRPr sz="1600"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b-NO" dirty="0"/>
              <a:t>Kontaktinfo</a:t>
            </a:r>
          </a:p>
        </p:txBody>
      </p:sp>
      <p:sp>
        <p:nvSpPr>
          <p:cNvPr id="23" name="Plassholder for innhold 2">
            <a:extLst>
              <a:ext uri="{FF2B5EF4-FFF2-40B4-BE49-F238E27FC236}">
                <a16:creationId xmlns:a16="http://schemas.microsoft.com/office/drawing/2014/main" id="{FC2A871A-AB1B-3099-79DB-CBCAC9058A9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681248" y="1440000"/>
            <a:ext cx="7672551" cy="4680000"/>
          </a:xfrm>
        </p:spPr>
        <p:txBody>
          <a:bodyPr/>
          <a:lstStyle>
            <a:lvl1pPr marL="0" indent="0">
              <a:buNone/>
              <a:defRPr/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471539466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t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e 5">
            <a:extLst>
              <a:ext uri="{FF2B5EF4-FFF2-40B4-BE49-F238E27FC236}">
                <a16:creationId xmlns:a16="http://schemas.microsoft.com/office/drawing/2014/main" id="{6EECB6F6-F12D-F5A7-4ADB-764F7DF53A2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052683" y="2420647"/>
            <a:ext cx="6086634" cy="2016705"/>
          </a:xfrm>
          <a:prstGeom prst="rect">
            <a:avLst/>
          </a:prstGeom>
        </p:spPr>
      </p:pic>
      <p:pic>
        <p:nvPicPr>
          <p:cNvPr id="4" name="Bilde 3">
            <a:extLst>
              <a:ext uri="{FF2B5EF4-FFF2-40B4-BE49-F238E27FC236}">
                <a16:creationId xmlns:a16="http://schemas.microsoft.com/office/drawing/2014/main" id="{D0DD72CF-8B80-D229-8DB4-6EB43F0B4AB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98192104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Mellomslide 3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A51597EE-9C80-BED4-B972-F77187939CB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838200" y="1040400"/>
            <a:ext cx="10515600" cy="2386800"/>
          </a:xfrm>
        </p:spPr>
        <p:txBody>
          <a:bodyPr anchor="b">
            <a:normAutofit/>
          </a:bodyPr>
          <a:lstStyle>
            <a:lvl1pPr algn="ctr">
              <a:defRPr sz="440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Undertittel 2">
            <a:extLst>
              <a:ext uri="{FF2B5EF4-FFF2-40B4-BE49-F238E27FC236}">
                <a16:creationId xmlns:a16="http://schemas.microsoft.com/office/drawing/2014/main" id="{6C16562C-6679-120E-9543-2FB6648D17D1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838200" y="3600000"/>
            <a:ext cx="10515600" cy="1188000"/>
          </a:xfrm>
        </p:spPr>
        <p:txBody>
          <a:bodyPr>
            <a:normAutofit/>
          </a:bodyPr>
          <a:lstStyle>
            <a:lvl1pPr marL="0" indent="0" algn="ctr">
              <a:buNone/>
              <a:defRPr sz="2000">
                <a:solidFill>
                  <a:schemeClr val="bg1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46CAA519-6EDD-239A-178C-6679C82E4B0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4169233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1 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C738ED5E-9F67-DC18-87A1-32020F0836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361508"/>
            <a:ext cx="10515600" cy="936000"/>
          </a:xfrm>
        </p:spPr>
        <p:txBody>
          <a:bodyPr anchor="t"/>
          <a:lstStyle/>
          <a:p>
            <a:r>
              <a:rPr lang="nb-NO" dirty="0"/>
              <a:t>Klikk for å redigere tittelstil</a:t>
            </a:r>
          </a:p>
        </p:txBody>
      </p:sp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DA068950-0913-7A99-7DBF-9B59DC6D1B9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838200" y="1440000"/>
            <a:ext cx="10515600" cy="4680000"/>
          </a:xfr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nb-NO" dirty="0"/>
              <a:t>Klikk for å redigere stil</a:t>
            </a:r>
            <a:endParaRPr lang="en-US" dirty="0"/>
          </a:p>
          <a:p>
            <a:pPr lvl="1"/>
            <a:r>
              <a:rPr lang="nb-NO" noProof="0" dirty="0"/>
              <a:t>Nivå to</a:t>
            </a:r>
          </a:p>
          <a:p>
            <a:pPr lvl="2"/>
            <a:r>
              <a:rPr lang="nb-NO" noProof="0" dirty="0"/>
              <a:t>Nivå tre</a:t>
            </a:r>
          </a:p>
          <a:p>
            <a:pPr lvl="3"/>
            <a:r>
              <a:rPr lang="nb-NO" noProof="0" dirty="0"/>
              <a:t>Nivå fire</a:t>
            </a:r>
          </a:p>
          <a:p>
            <a:pPr lvl="4"/>
            <a:r>
              <a:rPr lang="nb-NO" noProof="0" dirty="0"/>
              <a:t>Nivå fem</a:t>
            </a:r>
          </a:p>
        </p:txBody>
      </p:sp>
      <p:pic>
        <p:nvPicPr>
          <p:cNvPr id="4" name="Bilde 3">
            <a:extLst>
              <a:ext uri="{FF2B5EF4-FFF2-40B4-BE49-F238E27FC236}">
                <a16:creationId xmlns:a16="http://schemas.microsoft.com/office/drawing/2014/main" id="{5764516E-1D78-40C4-7AF8-F3A34FDF105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7789400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- 2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ssholder for innhold 2">
            <a:extLst>
              <a:ext uri="{FF2B5EF4-FFF2-40B4-BE49-F238E27FC236}">
                <a16:creationId xmlns:a16="http://schemas.microsoft.com/office/drawing/2014/main" id="{345AB583-F51C-0E51-DBB0-B36D421888CC}"/>
              </a:ext>
            </a:extLst>
          </p:cNvPr>
          <p:cNvSpPr>
            <a:spLocks noGrp="1"/>
          </p:cNvSpPr>
          <p:nvPr>
            <p:ph sz="half" idx="1" hasCustomPrompt="1"/>
          </p:nvPr>
        </p:nvSpPr>
        <p:spPr>
          <a:xfrm>
            <a:off x="838200" y="1440000"/>
            <a:ext cx="5181600" cy="4680000"/>
          </a:xfrm>
        </p:spPr>
        <p:txBody>
          <a:bodyPr/>
          <a:lstStyle/>
          <a:p>
            <a:pPr lvl="0"/>
            <a:r>
              <a:rPr lang="nb-NO" dirty="0"/>
              <a:t>Klikk for å redigere stil</a:t>
            </a:r>
            <a:endParaRPr lang="en-US" dirty="0"/>
          </a:p>
          <a:p>
            <a:pPr lvl="1"/>
            <a:r>
              <a:rPr lang="nb-NO" noProof="0" dirty="0"/>
              <a:t>Nivå to</a:t>
            </a:r>
          </a:p>
          <a:p>
            <a:pPr lvl="2"/>
            <a:r>
              <a:rPr lang="nb-NO" noProof="0" dirty="0"/>
              <a:t>Nivå tre</a:t>
            </a:r>
          </a:p>
          <a:p>
            <a:pPr lvl="3"/>
            <a:r>
              <a:rPr lang="nb-NO" noProof="0" dirty="0"/>
              <a:t>Nivå fire</a:t>
            </a:r>
          </a:p>
          <a:p>
            <a:pPr lvl="4"/>
            <a:r>
              <a:rPr lang="nb-NO" noProof="0" dirty="0"/>
              <a:t>Nivå fem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92ACDFFE-3ED9-C522-5AB0-FCEDCB2ABD9B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172202" y="1439999"/>
            <a:ext cx="5181600" cy="4680000"/>
          </a:xfrm>
        </p:spPr>
        <p:txBody>
          <a:bodyPr/>
          <a:lstStyle/>
          <a:p>
            <a:pPr lvl="0"/>
            <a:r>
              <a:rPr lang="nb-NO" dirty="0"/>
              <a:t>Klikk for å redigere stil</a:t>
            </a:r>
            <a:endParaRPr lang="en-US" dirty="0"/>
          </a:p>
          <a:p>
            <a:pPr lvl="1"/>
            <a:r>
              <a:rPr lang="nb-NO" noProof="0" dirty="0"/>
              <a:t>Nivå to</a:t>
            </a:r>
          </a:p>
          <a:p>
            <a:pPr lvl="2"/>
            <a:r>
              <a:rPr lang="nb-NO" noProof="0" dirty="0"/>
              <a:t>Nivå tre</a:t>
            </a:r>
          </a:p>
          <a:p>
            <a:pPr lvl="3"/>
            <a:r>
              <a:rPr lang="nb-NO" noProof="0" dirty="0"/>
              <a:t>Nivå fire</a:t>
            </a:r>
          </a:p>
          <a:p>
            <a:pPr lvl="4"/>
            <a:r>
              <a:rPr lang="nb-NO" noProof="0" dirty="0"/>
              <a:t>Nivå fem</a:t>
            </a:r>
          </a:p>
        </p:txBody>
      </p:sp>
      <p:pic>
        <p:nvPicPr>
          <p:cNvPr id="5" name="Bilde 4">
            <a:extLst>
              <a:ext uri="{FF2B5EF4-FFF2-40B4-BE49-F238E27FC236}">
                <a16:creationId xmlns:a16="http://schemas.microsoft.com/office/drawing/2014/main" id="{AD6CB6D7-5FB2-7F4D-F7DF-5195995C97F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8207" y="361508"/>
            <a:ext cx="371013" cy="560443"/>
          </a:xfrm>
          <a:prstGeom prst="rect">
            <a:avLst/>
          </a:prstGeom>
        </p:spPr>
      </p:pic>
      <p:sp>
        <p:nvSpPr>
          <p:cNvPr id="11" name="Tittel 1">
            <a:extLst>
              <a:ext uri="{FF2B5EF4-FFF2-40B4-BE49-F238E27FC236}">
                <a16:creationId xmlns:a16="http://schemas.microsoft.com/office/drawing/2014/main" id="{648706EF-12D8-105D-8BF6-35886E4A302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38200" y="361508"/>
            <a:ext cx="10515600" cy="936000"/>
          </a:xfrm>
        </p:spPr>
        <p:txBody>
          <a:bodyPr anchor="t"/>
          <a:lstStyle/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18520674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8" Type="http://schemas.openxmlformats.org/officeDocument/2006/relationships/slideLayout" Target="../slideLayouts/slideLayout8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44.xml"/><Relationship Id="rId18" Type="http://schemas.openxmlformats.org/officeDocument/2006/relationships/slideLayout" Target="../slideLayouts/slideLayout49.xml"/><Relationship Id="rId26" Type="http://schemas.openxmlformats.org/officeDocument/2006/relationships/slideLayout" Target="../slideLayouts/slideLayout57.xml"/><Relationship Id="rId3" Type="http://schemas.openxmlformats.org/officeDocument/2006/relationships/slideLayout" Target="../slideLayouts/slideLayout34.xml"/><Relationship Id="rId21" Type="http://schemas.openxmlformats.org/officeDocument/2006/relationships/slideLayout" Target="../slideLayouts/slideLayout52.xml"/><Relationship Id="rId7" Type="http://schemas.openxmlformats.org/officeDocument/2006/relationships/slideLayout" Target="../slideLayouts/slideLayout38.xml"/><Relationship Id="rId12" Type="http://schemas.openxmlformats.org/officeDocument/2006/relationships/slideLayout" Target="../slideLayouts/slideLayout43.xml"/><Relationship Id="rId17" Type="http://schemas.openxmlformats.org/officeDocument/2006/relationships/slideLayout" Target="../slideLayouts/slideLayout48.xml"/><Relationship Id="rId25" Type="http://schemas.openxmlformats.org/officeDocument/2006/relationships/slideLayout" Target="../slideLayouts/slideLayout56.xml"/><Relationship Id="rId33" Type="http://schemas.openxmlformats.org/officeDocument/2006/relationships/image" Target="../media/image3.png"/><Relationship Id="rId2" Type="http://schemas.openxmlformats.org/officeDocument/2006/relationships/slideLayout" Target="../slideLayouts/slideLayout33.xml"/><Relationship Id="rId16" Type="http://schemas.openxmlformats.org/officeDocument/2006/relationships/slideLayout" Target="../slideLayouts/slideLayout47.xml"/><Relationship Id="rId20" Type="http://schemas.openxmlformats.org/officeDocument/2006/relationships/slideLayout" Target="../slideLayouts/slideLayout51.xml"/><Relationship Id="rId29" Type="http://schemas.openxmlformats.org/officeDocument/2006/relationships/slideLayout" Target="../slideLayouts/slideLayout60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11" Type="http://schemas.openxmlformats.org/officeDocument/2006/relationships/slideLayout" Target="../slideLayouts/slideLayout42.xml"/><Relationship Id="rId24" Type="http://schemas.openxmlformats.org/officeDocument/2006/relationships/slideLayout" Target="../slideLayouts/slideLayout55.xml"/><Relationship Id="rId32" Type="http://schemas.openxmlformats.org/officeDocument/2006/relationships/theme" Target="../theme/theme2.xml"/><Relationship Id="rId5" Type="http://schemas.openxmlformats.org/officeDocument/2006/relationships/slideLayout" Target="../slideLayouts/slideLayout36.xml"/><Relationship Id="rId15" Type="http://schemas.openxmlformats.org/officeDocument/2006/relationships/slideLayout" Target="../slideLayouts/slideLayout46.xml"/><Relationship Id="rId23" Type="http://schemas.openxmlformats.org/officeDocument/2006/relationships/slideLayout" Target="../slideLayouts/slideLayout54.xml"/><Relationship Id="rId28" Type="http://schemas.openxmlformats.org/officeDocument/2006/relationships/slideLayout" Target="../slideLayouts/slideLayout59.xml"/><Relationship Id="rId10" Type="http://schemas.openxmlformats.org/officeDocument/2006/relationships/slideLayout" Target="../slideLayouts/slideLayout41.xml"/><Relationship Id="rId19" Type="http://schemas.openxmlformats.org/officeDocument/2006/relationships/slideLayout" Target="../slideLayouts/slideLayout50.xml"/><Relationship Id="rId31" Type="http://schemas.openxmlformats.org/officeDocument/2006/relationships/slideLayout" Target="../slideLayouts/slideLayout62.xml"/><Relationship Id="rId4" Type="http://schemas.openxmlformats.org/officeDocument/2006/relationships/slideLayout" Target="../slideLayouts/slideLayout35.xml"/><Relationship Id="rId9" Type="http://schemas.openxmlformats.org/officeDocument/2006/relationships/slideLayout" Target="../slideLayouts/slideLayout40.xml"/><Relationship Id="rId14" Type="http://schemas.openxmlformats.org/officeDocument/2006/relationships/slideLayout" Target="../slideLayouts/slideLayout45.xml"/><Relationship Id="rId22" Type="http://schemas.openxmlformats.org/officeDocument/2006/relationships/slideLayout" Target="../slideLayouts/slideLayout53.xml"/><Relationship Id="rId27" Type="http://schemas.openxmlformats.org/officeDocument/2006/relationships/slideLayout" Target="../slideLayouts/slideLayout58.xml"/><Relationship Id="rId30" Type="http://schemas.openxmlformats.org/officeDocument/2006/relationships/slideLayout" Target="../slideLayouts/slideLayout61.xml"/><Relationship Id="rId8" Type="http://schemas.openxmlformats.org/officeDocument/2006/relationships/slideLayout" Target="../slideLayouts/slideLayout3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ittel 1">
            <a:extLst>
              <a:ext uri="{FF2B5EF4-FFF2-40B4-BE49-F238E27FC236}">
                <a16:creationId xmlns:a16="http://schemas.microsoft.com/office/drawing/2014/main" id="{58F4E7D6-0CBD-37DC-FC6B-02E715F187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0000"/>
            <a:ext cx="10515600" cy="936000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nb-NO" dirty="0"/>
              <a:t>Klikk for å redigere tittelstil</a:t>
            </a:r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AA338970-DEA5-1C48-1335-529E196D5D7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440000"/>
            <a:ext cx="10515600" cy="46800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4" name="Bilde 7">
            <a:extLst>
              <a:ext uri="{FF2B5EF4-FFF2-40B4-BE49-F238E27FC236}">
                <a16:creationId xmlns:a16="http://schemas.microsoft.com/office/drawing/2014/main" id="{4DF88DC3-BE43-623B-F510-6A76AA922D59}"/>
              </a:ext>
            </a:extLst>
          </p:cNvPr>
          <p:cNvPicPr>
            <a:picLocks noChangeAspect="1"/>
          </p:cNvPicPr>
          <p:nvPr userDrawn="1"/>
        </p:nvPicPr>
        <p:blipFill>
          <a:blip r:embed="rId33"/>
          <a:stretch>
            <a:fillRect/>
          </a:stretch>
        </p:blipFill>
        <p:spPr>
          <a:xfrm>
            <a:off x="10607673" y="6237845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575359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782" r:id="rId3"/>
    <p:sldLayoutId id="2147483783" r:id="rId4"/>
    <p:sldLayoutId id="2147483784" r:id="rId5"/>
    <p:sldLayoutId id="2147483785" r:id="rId6"/>
    <p:sldLayoutId id="2147483786" r:id="rId7"/>
    <p:sldLayoutId id="2147483761" r:id="rId8"/>
    <p:sldLayoutId id="2147483762" r:id="rId9"/>
    <p:sldLayoutId id="2147483763" r:id="rId10"/>
    <p:sldLayoutId id="2147483826" r:id="rId11"/>
    <p:sldLayoutId id="2147483764" r:id="rId12"/>
    <p:sldLayoutId id="2147483808" r:id="rId13"/>
    <p:sldLayoutId id="2147483836" r:id="rId14"/>
    <p:sldLayoutId id="2147483837" r:id="rId15"/>
    <p:sldLayoutId id="2147483838" r:id="rId16"/>
    <p:sldLayoutId id="2147483832" r:id="rId17"/>
    <p:sldLayoutId id="2147483766" r:id="rId18"/>
    <p:sldLayoutId id="2147483767" r:id="rId19"/>
    <p:sldLayoutId id="2147483768" r:id="rId20"/>
    <p:sldLayoutId id="2147483769" r:id="rId21"/>
    <p:sldLayoutId id="2147483817" r:id="rId22"/>
    <p:sldLayoutId id="2147483770" r:id="rId23"/>
    <p:sldLayoutId id="2147483827" r:id="rId24"/>
    <p:sldLayoutId id="2147483829" r:id="rId25"/>
    <p:sldLayoutId id="2147483839" r:id="rId26"/>
    <p:sldLayoutId id="2147483821" r:id="rId27"/>
    <p:sldLayoutId id="2147483771" r:id="rId28"/>
    <p:sldLayoutId id="2147483779" r:id="rId29"/>
    <p:sldLayoutId id="2147483772" r:id="rId30"/>
    <p:sldLayoutId id="2147483810" r:id="rId3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i="0" kern="1200">
          <a:solidFill>
            <a:schemeClr val="tx1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0" indent="0" algn="l" defTabSz="914400" rtl="0" eaLnBrk="1" latinLnBrk="0" hangingPunct="1">
        <a:lnSpc>
          <a:spcPct val="90000"/>
        </a:lnSpc>
        <a:spcBef>
          <a:spcPts val="1000"/>
        </a:spcBef>
        <a:buClr>
          <a:schemeClr val="tx2"/>
        </a:buClr>
        <a:buFont typeface="Arial" panose="020B0604020202020204" pitchFamily="34" charset="0"/>
        <a:buNone/>
        <a:defRPr sz="24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tittel 1">
            <a:extLst>
              <a:ext uri="{FF2B5EF4-FFF2-40B4-BE49-F238E27FC236}">
                <a16:creationId xmlns:a16="http://schemas.microsoft.com/office/drawing/2014/main" id="{58F4E7D6-0CBD-37DC-FC6B-02E715F187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0000"/>
            <a:ext cx="10515600" cy="936000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nb-NO" dirty="0"/>
              <a:t>Klikk for å redigere tittelstil</a:t>
            </a:r>
          </a:p>
        </p:txBody>
      </p:sp>
      <p:sp>
        <p:nvSpPr>
          <p:cNvPr id="3" name="Plassholder for tekst 2">
            <a:extLst>
              <a:ext uri="{FF2B5EF4-FFF2-40B4-BE49-F238E27FC236}">
                <a16:creationId xmlns:a16="http://schemas.microsoft.com/office/drawing/2014/main" id="{AA338970-DEA5-1C48-1335-529E196D5D7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440000"/>
            <a:ext cx="10515600" cy="468000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4" name="Bilde 7">
            <a:extLst>
              <a:ext uri="{FF2B5EF4-FFF2-40B4-BE49-F238E27FC236}">
                <a16:creationId xmlns:a16="http://schemas.microsoft.com/office/drawing/2014/main" id="{54BA69AC-7DAC-442C-7765-37A7C45D7B08}"/>
              </a:ext>
            </a:extLst>
          </p:cNvPr>
          <p:cNvPicPr>
            <a:picLocks noChangeAspect="1"/>
          </p:cNvPicPr>
          <p:nvPr userDrawn="1"/>
        </p:nvPicPr>
        <p:blipFill>
          <a:blip r:embed="rId33"/>
          <a:stretch>
            <a:fillRect/>
          </a:stretch>
        </p:blipFill>
        <p:spPr>
          <a:xfrm>
            <a:off x="10607673" y="6237113"/>
            <a:ext cx="1403351" cy="4649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205139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9" r:id="rId1"/>
    <p:sldLayoutId id="2147483790" r:id="rId2"/>
    <p:sldLayoutId id="2147483815" r:id="rId3"/>
    <p:sldLayoutId id="2147483791" r:id="rId4"/>
    <p:sldLayoutId id="2147483792" r:id="rId5"/>
    <p:sldLayoutId id="2147483816" r:id="rId6"/>
    <p:sldLayoutId id="2147483793" r:id="rId7"/>
    <p:sldLayoutId id="2147483794" r:id="rId8"/>
    <p:sldLayoutId id="2147483795" r:id="rId9"/>
    <p:sldLayoutId id="2147483796" r:id="rId10"/>
    <p:sldLayoutId id="2147483811" r:id="rId11"/>
    <p:sldLayoutId id="2147483797" r:id="rId12"/>
    <p:sldLayoutId id="2147483825" r:id="rId13"/>
    <p:sldLayoutId id="2147483833" r:id="rId14"/>
    <p:sldLayoutId id="2147483834" r:id="rId15"/>
    <p:sldLayoutId id="2147483835" r:id="rId16"/>
    <p:sldLayoutId id="2147483831" r:id="rId17"/>
    <p:sldLayoutId id="2147483798" r:id="rId18"/>
    <p:sldLayoutId id="2147483799" r:id="rId19"/>
    <p:sldLayoutId id="2147483800" r:id="rId20"/>
    <p:sldLayoutId id="2147483801" r:id="rId21"/>
    <p:sldLayoutId id="2147483802" r:id="rId22"/>
    <p:sldLayoutId id="2147483818" r:id="rId23"/>
    <p:sldLayoutId id="2147483803" r:id="rId24"/>
    <p:sldLayoutId id="2147483828" r:id="rId25"/>
    <p:sldLayoutId id="2147483840" r:id="rId26"/>
    <p:sldLayoutId id="2147483820" r:id="rId27"/>
    <p:sldLayoutId id="2147483822" r:id="rId28"/>
    <p:sldLayoutId id="2147483823" r:id="rId29"/>
    <p:sldLayoutId id="2147483824" r:id="rId30"/>
    <p:sldLayoutId id="2147483805" r:id="rId31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600" b="1" i="0" kern="1200">
          <a:solidFill>
            <a:schemeClr val="bg2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Clr>
          <a:schemeClr val="tx2"/>
        </a:buClr>
        <a:buFont typeface="Arial" panose="020B0604020202020204" pitchFamily="34" charset="0"/>
        <a:buChar char="•"/>
        <a:defRPr sz="2400" kern="1200">
          <a:solidFill>
            <a:schemeClr val="bg2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2000" kern="1200">
          <a:solidFill>
            <a:schemeClr val="bg2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1800" kern="1200">
          <a:solidFill>
            <a:schemeClr val="bg2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bg2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bg2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indrefosen.kommune.no/tjenester/plan-bygg-og-eiendom/planer-og-kunngjoringer/horinger-og-kunngjoringer/" TargetMode="External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9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jpg"/><Relationship Id="rId1" Type="http://schemas.openxmlformats.org/officeDocument/2006/relationships/slideLayout" Target="../slideLayouts/slideLayout18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hyperlink" Target="mailto:edvard.duvsete@multiconsult.no" TargetMode="External"/><Relationship Id="rId1" Type="http://schemas.openxmlformats.org/officeDocument/2006/relationships/slideLayout" Target="../slideLayouts/slideLayout8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hyperlink" Target="https://www.fosna-folket.no/nyheter/i/EQPq9l/satte-inn-tregere-baat-aapner-for-flere-forsinkelser-og-buss-for-baat" TargetMode="External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g"/><Relationship Id="rId2" Type="http://schemas.openxmlformats.org/officeDocument/2006/relationships/hyperlink" Target="https://www.dibk.no/bygge-eller-endre/slik-forstar-du-plan/forsta-planene-som-bestemmer-hva-du-skal-bygge/" TargetMode="External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jpeg"/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FA4D022-8F63-DCEC-2D4F-32CE7926E6E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b-NO" dirty="0"/>
              <a:t>Folkemøte</a:t>
            </a:r>
          </a:p>
        </p:txBody>
      </p:sp>
      <p:sp>
        <p:nvSpPr>
          <p:cNvPr id="6" name="Subtitle 5">
            <a:extLst>
              <a:ext uri="{FF2B5EF4-FFF2-40B4-BE49-F238E27FC236}">
                <a16:creationId xmlns:a16="http://schemas.microsoft.com/office/drawing/2014/main" id="{E3F74244-514D-A6C1-3699-27AB6AE0214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b-NO" dirty="0"/>
              <a:t>Reguleringsplan Vanvikan sentrum, 10.04.2024</a:t>
            </a:r>
            <a:br>
              <a:rPr lang="nb-NO" dirty="0"/>
            </a:b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99818792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A3E47B2-CF9B-A56D-6FAD-868ED8805383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Planen bygger på faglig kunnskap, krav og føringer fra ulike myndigheter og fra forslagsstill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u="sng" dirty="0"/>
              <a:t>Alle</a:t>
            </a:r>
            <a:r>
              <a:rPr lang="nb-NO" dirty="0"/>
              <a:t> har mulighet for å gi innspill og motsette seg forslaget i bestemte tidsperiod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Informasjon og alle saksdokumenter ligger offentlig tilgjengelige på kommunens nettside (nyheter, høringer, planinnsyn) og kan fås på servicetorget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0DF58BB-D069-EE95-51B6-408C2DB258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En åpen og demokratisk prosess styrt av kommune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1182F2A7-B274-FDA8-299F-F56AC8FE2A19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2"/>
          <a:srcRect t="10463"/>
          <a:stretch/>
        </p:blipFill>
        <p:spPr>
          <a:xfrm>
            <a:off x="6698262" y="1440000"/>
            <a:ext cx="4144974" cy="4190274"/>
          </a:xfr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EA7E1FB2-05BC-948A-0DA9-2782E337B8E9}"/>
              </a:ext>
            </a:extLst>
          </p:cNvPr>
          <p:cNvSpPr txBox="1"/>
          <p:nvPr/>
        </p:nvSpPr>
        <p:spPr>
          <a:xfrm>
            <a:off x="6745431" y="5892836"/>
            <a:ext cx="2260940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1400" dirty="0"/>
              <a:t>Kilde: </a:t>
            </a:r>
            <a:r>
              <a:rPr lang="nb-NO" sz="1400" dirty="0">
                <a:hlinkClick r:id="rId3"/>
              </a:rPr>
              <a:t>Indre Fosen kommune</a:t>
            </a:r>
            <a:endParaRPr lang="nb-NO" sz="1400" dirty="0"/>
          </a:p>
        </p:txBody>
      </p:sp>
    </p:spTree>
    <p:extLst>
      <p:ext uri="{BB962C8B-B14F-4D97-AF65-F5344CB8AC3E}">
        <p14:creationId xmlns:p14="http://schemas.microsoft.com/office/powerpoint/2010/main" val="114614423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07D14AC-3831-A162-7055-966DBD5AFA5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ordan påvirker innspillet ditt planen?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045B9F3-C82F-5085-2104-9B8A5760337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Lokal kunnskap og erfaringer </a:t>
            </a:r>
            <a:r>
              <a:rPr lang="nb-NO" b="1" dirty="0"/>
              <a:t>du</a:t>
            </a:r>
            <a:r>
              <a:rPr lang="nb-NO" dirty="0"/>
              <a:t> har, hjelper oss å forstå problemet, ta vare på det som fungerer i dag og finne et balansert kompromiss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Det hjelper oss å sikre at vi ikke har glemt viktige forhold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Vi utarbeider ulike forslag basert på blant annet innspillene dine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Vi velger ett alternativ som blir planforslaget vårt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70495305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528B39CC-29CE-E885-5976-2AC108F8A3F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La oss komme i gang!</a:t>
            </a:r>
          </a:p>
        </p:txBody>
      </p:sp>
    </p:spTree>
    <p:extLst>
      <p:ext uri="{BB962C8B-B14F-4D97-AF65-F5344CB8AC3E}">
        <p14:creationId xmlns:p14="http://schemas.microsoft.com/office/powerpoint/2010/main" val="87719391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A1DB60A-14AA-BC5F-2056-85078D0C70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ilke stemmer mangler vi i dag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73361E6-7A04-85EA-E643-04E37724A28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Noen spørsmål for å vite litt mer om deg, dine muligheter og preferans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Besvarelsene er anonyme og frivillige</a:t>
            </a:r>
          </a:p>
        </p:txBody>
      </p:sp>
    </p:spTree>
    <p:extLst>
      <p:ext uri="{BB962C8B-B14F-4D97-AF65-F5344CB8AC3E}">
        <p14:creationId xmlns:p14="http://schemas.microsoft.com/office/powerpoint/2010/main" val="396621197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364C28F-BC91-8FFF-B4CE-C567A5138A8D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fontScale="92500" lnSpcReduction="10000"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Kan du tegne på kartet med en </a:t>
            </a:r>
            <a:r>
              <a:rPr lang="nb-NO" dirty="0">
                <a:solidFill>
                  <a:srgbClr val="00B0F0"/>
                </a:solidFill>
              </a:rPr>
              <a:t>blå penn </a:t>
            </a:r>
            <a:r>
              <a:rPr lang="nb-NO" dirty="0"/>
              <a:t>hvor du vanligvis kjører og parkerer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Kan du tegne på kartet med en </a:t>
            </a:r>
            <a:r>
              <a:rPr lang="nb-NO" dirty="0">
                <a:solidFill>
                  <a:srgbClr val="FF0000"/>
                </a:solidFill>
              </a:rPr>
              <a:t>rød penn </a:t>
            </a:r>
            <a:r>
              <a:rPr lang="nb-NO" dirty="0"/>
              <a:t>hvor du vanligvis går og oppholder deg (sitter, tar en kaffe, leker, handler, bor, osv.)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Kan du tegne på kartet med en </a:t>
            </a:r>
            <a:r>
              <a:rPr lang="nb-NO" dirty="0">
                <a:solidFill>
                  <a:srgbClr val="00B050"/>
                </a:solidFill>
              </a:rPr>
              <a:t>grønn penn </a:t>
            </a:r>
            <a:r>
              <a:rPr lang="nb-NO" dirty="0"/>
              <a:t>hvor du sykler, sparkesykler og parkerer i det daglige?</a:t>
            </a:r>
          </a:p>
        </p:txBody>
      </p:sp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E0D19BF4-1036-168F-C951-0A43F7BD1EF8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2"/>
          <a:srcRect b="71925"/>
          <a:stretch/>
        </p:blipFill>
        <p:spPr>
          <a:xfrm>
            <a:off x="6334539" y="1341049"/>
            <a:ext cx="2422197" cy="640152"/>
          </a:xfr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58689B33-09DF-BB32-69E6-5AAA863B6B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Fortell oss om dine reiser i Vanvikan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FFB3D030-1A1A-A647-A22F-24CE0FC287ED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11421" b="74030"/>
          <a:stretch/>
        </p:blipFill>
        <p:spPr>
          <a:xfrm>
            <a:off x="8965489" y="1224811"/>
            <a:ext cx="3031042" cy="692890"/>
          </a:xfrm>
          <a:prstGeom prst="rect">
            <a:avLst/>
          </a:prstGeom>
        </p:spPr>
      </p:pic>
      <p:pic>
        <p:nvPicPr>
          <p:cNvPr id="4" name="Content Placeholder 7">
            <a:extLst>
              <a:ext uri="{FF2B5EF4-FFF2-40B4-BE49-F238E27FC236}">
                <a16:creationId xmlns:a16="http://schemas.microsoft.com/office/drawing/2014/main" id="{8685E70B-051B-E7F3-45EE-56BA93F4A1F8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27797" b="36834"/>
          <a:stretch/>
        </p:blipFill>
        <p:spPr>
          <a:xfrm>
            <a:off x="6334539" y="2931750"/>
            <a:ext cx="2422197" cy="80645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48AD8F14-9149-8F93-E2FF-7FD96B4E898A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26992" r="11421" b="47037"/>
          <a:stretch/>
        </p:blipFill>
        <p:spPr>
          <a:xfrm>
            <a:off x="8965489" y="2988529"/>
            <a:ext cx="3031042" cy="692891"/>
          </a:xfrm>
          <a:prstGeom prst="rect">
            <a:avLst/>
          </a:prstGeom>
        </p:spPr>
      </p:pic>
      <p:pic>
        <p:nvPicPr>
          <p:cNvPr id="6" name="Content Placeholder 7">
            <a:extLst>
              <a:ext uri="{FF2B5EF4-FFF2-40B4-BE49-F238E27FC236}">
                <a16:creationId xmlns:a16="http://schemas.microsoft.com/office/drawing/2014/main" id="{ACE165D2-6EB3-3E95-9034-717DCB7698E7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64631"/>
          <a:stretch/>
        </p:blipFill>
        <p:spPr>
          <a:xfrm>
            <a:off x="6334539" y="4688750"/>
            <a:ext cx="2422197" cy="80645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1B0A445C-7067-554A-38CA-09EEDB19D3A0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52104" r="11421"/>
          <a:stretch/>
        </p:blipFill>
        <p:spPr>
          <a:xfrm>
            <a:off x="8965489" y="4453044"/>
            <a:ext cx="3031042" cy="127786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778509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364C28F-BC91-8FFF-B4CE-C567A5138A8D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>
            <a:normAutofit fontScale="85000" lnSpcReduction="10000"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Bruk gjerne kommentarfeltet på kartet for å forklare hva du mener / har opplevd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Kan du tegne på kartet med en </a:t>
            </a:r>
            <a:r>
              <a:rPr lang="nb-NO" dirty="0">
                <a:solidFill>
                  <a:srgbClr val="00B0F0"/>
                </a:solidFill>
              </a:rPr>
              <a:t>blå penn </a:t>
            </a:r>
            <a:r>
              <a:rPr lang="nb-NO" dirty="0"/>
              <a:t>hva du syns om parkeringsplasser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Kan du tegne på kartet med en </a:t>
            </a:r>
            <a:r>
              <a:rPr lang="nb-NO" dirty="0">
                <a:solidFill>
                  <a:srgbClr val="FF0000"/>
                </a:solidFill>
              </a:rPr>
              <a:t>rød penn </a:t>
            </a:r>
            <a:r>
              <a:rPr lang="nb-NO" dirty="0"/>
              <a:t>hvor du opplever det trafikkfarlig for å krysse vegen, kjøre, osv. eller vanskelig å gå?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Kan du tegne på kartet med en </a:t>
            </a:r>
            <a:r>
              <a:rPr lang="nb-NO" dirty="0">
                <a:solidFill>
                  <a:srgbClr val="00B050"/>
                </a:solidFill>
              </a:rPr>
              <a:t>grønn penn </a:t>
            </a:r>
            <a:r>
              <a:rPr lang="nb-NO" dirty="0"/>
              <a:t>hvor du savner et annet transporttilbud (lademulighet, bussholdeplass, sparkesykkel, parkering, osv.) eller en sitteplass ?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8689B33-09DF-BB32-69E6-5AAA863B6B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ilke trafikkproblemer opplever du i Vanvikan?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BAFBEDC-C4AE-B7EC-1FCF-0AF0A29686AC}"/>
              </a:ext>
            </a:extLst>
          </p:cNvPr>
          <p:cNvSpPr txBox="1"/>
          <p:nvPr/>
        </p:nvSpPr>
        <p:spPr>
          <a:xfrm>
            <a:off x="7040091" y="2344394"/>
            <a:ext cx="303878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dirty="0"/>
              <a:t>= </a:t>
            </a:r>
            <a:r>
              <a:rPr lang="nb-NO" i="1" dirty="0"/>
              <a:t>Bra! Det er lett å parkere her</a:t>
            </a:r>
          </a:p>
        </p:txBody>
      </p:sp>
      <p:pic>
        <p:nvPicPr>
          <p:cNvPr id="13" name="Content Placeholder 12" descr="Add with solid fill">
            <a:extLst>
              <a:ext uri="{FF2B5EF4-FFF2-40B4-BE49-F238E27FC236}">
                <a16:creationId xmlns:a16="http://schemas.microsoft.com/office/drawing/2014/main" id="{297E2A0F-7F10-AA9E-A120-AD88A1D61B9E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618449" y="2413767"/>
            <a:ext cx="253302" cy="253302"/>
          </a:xfrm>
        </p:spPr>
      </p:pic>
      <p:sp>
        <p:nvSpPr>
          <p:cNvPr id="14" name="Oval 13">
            <a:extLst>
              <a:ext uri="{FF2B5EF4-FFF2-40B4-BE49-F238E27FC236}">
                <a16:creationId xmlns:a16="http://schemas.microsoft.com/office/drawing/2014/main" id="{9DBA2E34-E2A3-5BFD-188A-8BFE7373A74F}"/>
              </a:ext>
            </a:extLst>
          </p:cNvPr>
          <p:cNvSpPr/>
          <p:nvPr/>
        </p:nvSpPr>
        <p:spPr>
          <a:xfrm>
            <a:off x="6450109" y="2360917"/>
            <a:ext cx="589983" cy="359002"/>
          </a:xfrm>
          <a:prstGeom prst="ellipse">
            <a:avLst/>
          </a:prstGeom>
          <a:noFill/>
          <a:ln>
            <a:solidFill>
              <a:srgbClr val="00B0F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B2A81926-0A02-EBFB-99B5-C799F8C7F273}"/>
              </a:ext>
            </a:extLst>
          </p:cNvPr>
          <p:cNvSpPr/>
          <p:nvPr/>
        </p:nvSpPr>
        <p:spPr>
          <a:xfrm>
            <a:off x="6450109" y="2814320"/>
            <a:ext cx="589983" cy="359002"/>
          </a:xfrm>
          <a:prstGeom prst="ellipse">
            <a:avLst/>
          </a:prstGeom>
          <a:noFill/>
          <a:ln>
            <a:solidFill>
              <a:srgbClr val="00B0F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E5548D62-9D5E-7640-3DB7-1BE29819F4A6}"/>
              </a:ext>
            </a:extLst>
          </p:cNvPr>
          <p:cNvSpPr/>
          <p:nvPr/>
        </p:nvSpPr>
        <p:spPr>
          <a:xfrm>
            <a:off x="6618448" y="2979420"/>
            <a:ext cx="253303" cy="45719"/>
          </a:xfrm>
          <a:prstGeom prst="rect">
            <a:avLst/>
          </a:prstGeom>
          <a:solidFill>
            <a:srgbClr val="00B0F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D08EEF2B-8708-E425-0918-48019D2491E8}"/>
              </a:ext>
            </a:extLst>
          </p:cNvPr>
          <p:cNvSpPr/>
          <p:nvPr/>
        </p:nvSpPr>
        <p:spPr>
          <a:xfrm>
            <a:off x="6714619" y="2885018"/>
            <a:ext cx="60960" cy="60960"/>
          </a:xfrm>
          <a:prstGeom prst="ellipse">
            <a:avLst/>
          </a:prstGeom>
          <a:solidFill>
            <a:srgbClr val="00B0F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16AB4663-C54D-E0E8-CF11-9E26D22DE338}"/>
              </a:ext>
            </a:extLst>
          </p:cNvPr>
          <p:cNvSpPr/>
          <p:nvPr/>
        </p:nvSpPr>
        <p:spPr>
          <a:xfrm>
            <a:off x="6714619" y="3058580"/>
            <a:ext cx="60960" cy="60960"/>
          </a:xfrm>
          <a:prstGeom prst="ellipse">
            <a:avLst/>
          </a:prstGeom>
          <a:solidFill>
            <a:srgbClr val="00B0F0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72C1B82-1C6A-2731-E026-95EA6EA0856E}"/>
              </a:ext>
            </a:extLst>
          </p:cNvPr>
          <p:cNvSpPr txBox="1"/>
          <p:nvPr/>
        </p:nvSpPr>
        <p:spPr>
          <a:xfrm>
            <a:off x="7040089" y="2803160"/>
            <a:ext cx="4862613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b-NO" i="1" dirty="0"/>
              <a:t>= Dårlig! Det er vanskelig å parkere her</a:t>
            </a: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11DB9CA9-8D7E-DCFA-E889-FAFC2DC1BCA0}"/>
              </a:ext>
            </a:extLst>
          </p:cNvPr>
          <p:cNvSpPr/>
          <p:nvPr/>
        </p:nvSpPr>
        <p:spPr>
          <a:xfrm>
            <a:off x="6450109" y="3695839"/>
            <a:ext cx="589983" cy="359002"/>
          </a:xfrm>
          <a:prstGeom prst="ellipse">
            <a:avLst/>
          </a:prstGeom>
          <a:noFill/>
          <a:ln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A54FF2AA-1209-BA4C-DBAA-466188528E83}"/>
              </a:ext>
            </a:extLst>
          </p:cNvPr>
          <p:cNvSpPr txBox="1"/>
          <p:nvPr/>
        </p:nvSpPr>
        <p:spPr>
          <a:xfrm>
            <a:off x="7040089" y="3684679"/>
            <a:ext cx="4862613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b-NO" i="1" dirty="0"/>
              <a:t>= Dårlig! Det er et vanskelig, trafikkfarlig område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3E4DED45-A20B-0D4C-4454-20BBE34CD3EB}"/>
              </a:ext>
            </a:extLst>
          </p:cNvPr>
          <p:cNvSpPr/>
          <p:nvPr/>
        </p:nvSpPr>
        <p:spPr>
          <a:xfrm>
            <a:off x="6450109" y="4845189"/>
            <a:ext cx="589983" cy="359002"/>
          </a:xfrm>
          <a:prstGeom prst="ellipse">
            <a:avLst/>
          </a:prstGeom>
          <a:noFill/>
          <a:ln>
            <a:solidFill>
              <a:srgbClr val="00B05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FEE8D028-2037-93EF-D9DD-90BA1A40C84A}"/>
              </a:ext>
            </a:extLst>
          </p:cNvPr>
          <p:cNvSpPr txBox="1"/>
          <p:nvPr/>
        </p:nvSpPr>
        <p:spPr>
          <a:xfrm>
            <a:off x="7040089" y="4834029"/>
            <a:ext cx="4862613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b-NO" i="1" dirty="0"/>
              <a:t>= Her mangler det noe!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FC4C0F44-80DE-BE79-942F-62903E095A1A}"/>
              </a:ext>
            </a:extLst>
          </p:cNvPr>
          <p:cNvSpPr txBox="1"/>
          <p:nvPr/>
        </p:nvSpPr>
        <p:spPr>
          <a:xfrm>
            <a:off x="6419529" y="4833199"/>
            <a:ext cx="65114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dirty="0">
                <a:solidFill>
                  <a:srgbClr val="00B050"/>
                </a:solidFill>
              </a:rPr>
              <a:t>Benk</a:t>
            </a: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C76451DE-6079-4FF6-5C61-CE7D666414FF}"/>
              </a:ext>
            </a:extLst>
          </p:cNvPr>
          <p:cNvCxnSpPr/>
          <p:nvPr/>
        </p:nvCxnSpPr>
        <p:spPr>
          <a:xfrm>
            <a:off x="6450109" y="5568950"/>
            <a:ext cx="528541" cy="0"/>
          </a:xfrm>
          <a:prstGeom prst="straightConnector1">
            <a:avLst/>
          </a:prstGeom>
          <a:ln w="38100">
            <a:solidFill>
              <a:srgbClr val="00B05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2" name="TextBox 31">
            <a:extLst>
              <a:ext uri="{FF2B5EF4-FFF2-40B4-BE49-F238E27FC236}">
                <a16:creationId xmlns:a16="http://schemas.microsoft.com/office/drawing/2014/main" id="{4DBA18FD-9A57-B52C-849C-FC0534F8550B}"/>
              </a:ext>
            </a:extLst>
          </p:cNvPr>
          <p:cNvSpPr txBox="1"/>
          <p:nvPr/>
        </p:nvSpPr>
        <p:spPr>
          <a:xfrm>
            <a:off x="7040089" y="5344556"/>
            <a:ext cx="4862613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b-NO" i="1" dirty="0"/>
              <a:t>= Flytt gjerne dette dit</a:t>
            </a:r>
          </a:p>
        </p:txBody>
      </p:sp>
    </p:spTree>
    <p:extLst>
      <p:ext uri="{BB962C8B-B14F-4D97-AF65-F5344CB8AC3E}">
        <p14:creationId xmlns:p14="http://schemas.microsoft.com/office/powerpoint/2010/main" val="172777460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9D1A4E06-8D4A-BB41-5728-346982E53B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Tid for en kaffepause?</a:t>
            </a:r>
          </a:p>
        </p:txBody>
      </p:sp>
    </p:spTree>
    <p:extLst>
      <p:ext uri="{BB962C8B-B14F-4D97-AF65-F5344CB8AC3E}">
        <p14:creationId xmlns:p14="http://schemas.microsoft.com/office/powerpoint/2010/main" val="420759482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9D1A4E06-8D4A-BB41-5728-346982E53B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Gruppearbeid</a:t>
            </a:r>
          </a:p>
        </p:txBody>
      </p:sp>
    </p:spTree>
    <p:extLst>
      <p:ext uri="{BB962C8B-B14F-4D97-AF65-F5344CB8AC3E}">
        <p14:creationId xmlns:p14="http://schemas.microsoft.com/office/powerpoint/2010/main" val="427398200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689B33-09DF-BB32-69E6-5AAA863B6BA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a ønsker du eller savner du i Vanvikan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364C28F-BC91-8FFF-B4CE-C567A5138A8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Tenk aktiviteter, tilbud, hvor fint Vanvikan kan bli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Hva skal til for at du bruker Vanvikan mer?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Er det noe du savner fra andre steder du besøker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Er det noen kvaliteter som finnes i dag i nærområdet, men som ikke brukes nok (utsikt, bade, trene, osv.)?</a:t>
            </a:r>
          </a:p>
        </p:txBody>
      </p:sp>
    </p:spTree>
    <p:extLst>
      <p:ext uri="{BB962C8B-B14F-4D97-AF65-F5344CB8AC3E}">
        <p14:creationId xmlns:p14="http://schemas.microsoft.com/office/powerpoint/2010/main" val="2328446740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DE9680B-1511-0849-9D02-DE65A3F7E6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a skjer videre?</a:t>
            </a:r>
          </a:p>
        </p:txBody>
      </p:sp>
    </p:spTree>
    <p:extLst>
      <p:ext uri="{BB962C8B-B14F-4D97-AF65-F5344CB8AC3E}">
        <p14:creationId xmlns:p14="http://schemas.microsoft.com/office/powerpoint/2010/main" val="164250541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D6992D-B23B-00BB-E5A8-212AFE39FB8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Agend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E33C6A8-FDFF-A380-84A5-3EEDA0AA2C7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/>
              <a:t>Kommune </a:t>
            </a:r>
            <a:r>
              <a:rPr lang="nb-NO" dirty="0"/>
              <a:t>ønsker velkommen (5’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Rammer for planen og dette møtet (10’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Spørreundersøkelse (10’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Dine reiser i Vanvikan (20’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Utfordringer i Vanvikan (20’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Pause ca. kl. 1845-1900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Gruppearbeid: idéer og behov for å forbedre Vanvikan (20’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Avslutning, videre prosess (10’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973153878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">
            <a:extLst>
              <a:ext uri="{FF2B5EF4-FFF2-40B4-BE49-F238E27FC236}">
                <a16:creationId xmlns:a16="http://schemas.microsoft.com/office/drawing/2014/main" id="{87ABBF37-C9F0-C929-CC12-2842B83F8CC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1440000"/>
            <a:ext cx="3479119" cy="4680000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dirty="0"/>
              <a:t>Varsel om planoppstart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nb-NO" dirty="0"/>
              <a:t>Mulighet for å sende inn merknad til planen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nb-NO" dirty="0"/>
              <a:t>4 uker høringsfrist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dirty="0"/>
              <a:t>Utarbeiding av planforslag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nb-NO" dirty="0"/>
              <a:t>Mulighetsstudie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nb-NO" dirty="0"/>
              <a:t>Utredninger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nb-NO" dirty="0"/>
              <a:t>Plandokument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dirty="0"/>
              <a:t>Høring og offentlig ettersyn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nb-NO" dirty="0"/>
              <a:t>Mulighet for å sende inn merknad til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dirty="0"/>
              <a:t>Vedtak av plan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nb-NO" dirty="0"/>
              <a:t>Planforslaget bearbeides etter høringen, og sendes til politisk behandling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b-NO" dirty="0"/>
          </a:p>
        </p:txBody>
      </p:sp>
      <p:pic>
        <p:nvPicPr>
          <p:cNvPr id="8" name="Picture Placeholder 7" descr="A diagram of a diagram of a company&#10;&#10;Description automatically generated with medium confidence">
            <a:extLst>
              <a:ext uri="{FF2B5EF4-FFF2-40B4-BE49-F238E27FC236}">
                <a16:creationId xmlns:a16="http://schemas.microsoft.com/office/drawing/2014/main" id="{F8EB58FB-A13E-245A-7BCB-19C423A446B8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2"/>
          <a:srcRect l="471" t="1901" r="149" b="22447"/>
          <a:stretch/>
        </p:blipFill>
        <p:spPr>
          <a:xfrm>
            <a:off x="4413251" y="844550"/>
            <a:ext cx="6942138" cy="3006779"/>
          </a:xfrm>
        </p:spPr>
      </p:pic>
      <p:sp>
        <p:nvSpPr>
          <p:cNvPr id="15" name="Title 3">
            <a:extLst>
              <a:ext uri="{FF2B5EF4-FFF2-40B4-BE49-F238E27FC236}">
                <a16:creationId xmlns:a16="http://schemas.microsoft.com/office/drawing/2014/main" id="{1CCDBBDA-375D-FB3A-83F4-C8418748A32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0000"/>
            <a:ext cx="3479119" cy="936000"/>
          </a:xfrm>
        </p:spPr>
        <p:txBody>
          <a:bodyPr/>
          <a:lstStyle/>
          <a:p>
            <a:r>
              <a:rPr lang="nb-NO" dirty="0"/>
              <a:t>Planprosessen</a:t>
            </a:r>
          </a:p>
        </p:txBody>
      </p:sp>
    </p:spTree>
    <p:extLst>
      <p:ext uri="{BB962C8B-B14F-4D97-AF65-F5344CB8AC3E}">
        <p14:creationId xmlns:p14="http://schemas.microsoft.com/office/powerpoint/2010/main" val="405552618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BFCF1E93-6CA2-FB52-2788-0524632241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ar du spørsmål eller innspill?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D551772-4306-87DD-2E64-B5265BFB551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440000"/>
            <a:ext cx="4876800" cy="4680000"/>
          </a:xfrm>
        </p:spPr>
        <p:txBody>
          <a:bodyPr/>
          <a:lstStyle/>
          <a:p>
            <a:r>
              <a:rPr lang="nb-NO" dirty="0"/>
              <a:t>Frem til </a:t>
            </a:r>
            <a:r>
              <a:rPr lang="nb-NO" b="1" dirty="0"/>
              <a:t>22. april</a:t>
            </a:r>
            <a:r>
              <a:rPr lang="nb-NO" dirty="0"/>
              <a:t> kan du sende oss dine innspill og spørsmål til:</a:t>
            </a:r>
          </a:p>
          <a:p>
            <a:r>
              <a:rPr lang="nb-NO" dirty="0"/>
              <a:t>Multiconsult Norge AS v/Edvard Duvsete på e-post til; </a:t>
            </a:r>
            <a:r>
              <a:rPr lang="nb-NO" dirty="0">
                <a:hlinkClick r:id="rId2"/>
              </a:rPr>
              <a:t>edvard.duvsete@multiconsult.no</a:t>
            </a:r>
            <a:endParaRPr lang="nb-NO" dirty="0"/>
          </a:p>
          <a:p>
            <a:endParaRPr lang="nb-NO" dirty="0"/>
          </a:p>
          <a:p>
            <a:endParaRPr lang="nb-NO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A61240B-2071-B218-BF2F-1CF840DDA47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688514" y="361508"/>
            <a:ext cx="3808035" cy="60543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998440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9033BD1-5D79-8220-4F14-16F5BC2F48F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Tusen takk for at du deltok i dag!</a:t>
            </a:r>
          </a:p>
        </p:txBody>
      </p:sp>
    </p:spTree>
    <p:extLst>
      <p:ext uri="{BB962C8B-B14F-4D97-AF65-F5344CB8AC3E}">
        <p14:creationId xmlns:p14="http://schemas.microsoft.com/office/powerpoint/2010/main" val="15299623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75A78F21-81EB-22AB-DAC8-C25870552D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Velkommen!</a:t>
            </a:r>
          </a:p>
        </p:txBody>
      </p:sp>
    </p:spTree>
    <p:extLst>
      <p:ext uri="{BB962C8B-B14F-4D97-AF65-F5344CB8AC3E}">
        <p14:creationId xmlns:p14="http://schemas.microsoft.com/office/powerpoint/2010/main" val="215921248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75A78F21-81EB-22AB-DAC8-C25870552D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orfor en reguleringsplan og et folkemøte?</a:t>
            </a:r>
          </a:p>
        </p:txBody>
      </p:sp>
    </p:spTree>
    <p:extLst>
      <p:ext uri="{BB962C8B-B14F-4D97-AF65-F5344CB8AC3E}">
        <p14:creationId xmlns:p14="http://schemas.microsoft.com/office/powerpoint/2010/main" val="59152062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A3E47B2-CF9B-A56D-6FAD-868ED8805383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Kommune ønsker å forbedre:</a:t>
            </a:r>
          </a:p>
          <a:p>
            <a:pPr marL="1143000" lvl="1" indent="-457200">
              <a:buFont typeface="+mj-lt"/>
              <a:buAutoNum type="arabicPeriod"/>
            </a:pPr>
            <a:r>
              <a:rPr lang="nb-NO" dirty="0"/>
              <a:t>Punktligheten for båtanløpene, </a:t>
            </a:r>
          </a:p>
          <a:p>
            <a:pPr marL="1143000" lvl="1" indent="-457200">
              <a:buFont typeface="+mj-lt"/>
              <a:buAutoNum type="arabicPeriod"/>
            </a:pPr>
            <a:r>
              <a:rPr lang="nb-NO" dirty="0"/>
              <a:t>Trafikk- og parkeringstilbudet (VGS),</a:t>
            </a:r>
          </a:p>
          <a:p>
            <a:pPr marL="1143000" lvl="1" indent="-457200">
              <a:buFont typeface="+mj-lt"/>
              <a:buAutoNum type="arabicPeriod"/>
            </a:pPr>
            <a:r>
              <a:rPr lang="nb-NO" dirty="0"/>
              <a:t>Trafikksikkerheten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nb-NO" dirty="0"/>
              <a:t>For å finne en langsiktig løsning, vil vi utrede alternative lokaliseringer av båtkaia, parkering, bussholdeplass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0DF58BB-D069-EE95-51B6-408C2DB258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Vi har et konkret behov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3E995C5-C7E2-9B9F-ABE1-12BBC06C9AFF}"/>
              </a:ext>
            </a:extLst>
          </p:cNvPr>
          <p:cNvSpPr txBox="1"/>
          <p:nvPr/>
        </p:nvSpPr>
        <p:spPr>
          <a:xfrm>
            <a:off x="6172200" y="5892836"/>
            <a:ext cx="2409506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1400" dirty="0"/>
              <a:t>Kilde: </a:t>
            </a:r>
            <a:r>
              <a:rPr lang="nb-NO" sz="1400" dirty="0">
                <a:hlinkClick r:id="rId2"/>
              </a:rPr>
              <a:t>Fosna-folket</a:t>
            </a:r>
            <a:r>
              <a:rPr lang="nb-NO" sz="1400" dirty="0"/>
              <a:t> (7.11.2023)</a:t>
            </a:r>
          </a:p>
        </p:txBody>
      </p:sp>
      <p:pic>
        <p:nvPicPr>
          <p:cNvPr id="21" name="Content Placeholder 20">
            <a:extLst>
              <a:ext uri="{FF2B5EF4-FFF2-40B4-BE49-F238E27FC236}">
                <a16:creationId xmlns:a16="http://schemas.microsoft.com/office/drawing/2014/main" id="{5DD943A3-0321-1FB2-6D2C-519928A38F4D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3"/>
          <a:stretch>
            <a:fillRect/>
          </a:stretch>
        </p:blipFill>
        <p:spPr>
          <a:xfrm>
            <a:off x="6172200" y="1664064"/>
            <a:ext cx="5181600" cy="4231548"/>
          </a:xfrm>
        </p:spPr>
      </p:pic>
    </p:spTree>
    <p:extLst>
      <p:ext uri="{BB962C8B-B14F-4D97-AF65-F5344CB8AC3E}">
        <p14:creationId xmlns:p14="http://schemas.microsoft.com/office/powerpoint/2010/main" val="233528768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A3E47B2-CF9B-A56D-6FAD-868ED8805383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nb-NO" dirty="0"/>
              <a:t>Endringer i plassering og dimensjon på trafikktilbudet vil påvirke mange innbyggere.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nb-NO" dirty="0"/>
              <a:t>Derfor må vi lage en </a:t>
            </a:r>
            <a:r>
              <a:rPr lang="nb-NO" dirty="0">
                <a:solidFill>
                  <a:schemeClr val="tx2"/>
                </a:solidFill>
              </a:rPr>
              <a:t>reguleringsplan </a:t>
            </a:r>
            <a:r>
              <a:rPr lang="nb-NO" dirty="0"/>
              <a:t>for å samordne fysiske tiltak i gata med overordnede føringer fra kommuneplan.</a:t>
            </a:r>
            <a:endParaRPr lang="nb-NO" dirty="0">
              <a:solidFill>
                <a:schemeClr val="tx2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0DF58BB-D069-EE95-51B6-408C2DB258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Endringene vil påvirke mange innbyggere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3E995C5-C7E2-9B9F-ABE1-12BBC06C9AFF}"/>
              </a:ext>
            </a:extLst>
          </p:cNvPr>
          <p:cNvSpPr txBox="1"/>
          <p:nvPr/>
        </p:nvSpPr>
        <p:spPr>
          <a:xfrm>
            <a:off x="6745431" y="5892836"/>
            <a:ext cx="3486788" cy="307777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1400" dirty="0"/>
              <a:t>Kilde: </a:t>
            </a:r>
            <a:r>
              <a:rPr lang="nb-NO" sz="1400" dirty="0">
                <a:hlinkClick r:id="rId2"/>
              </a:rPr>
              <a:t>Direktoratet for bygningskvalitet (DiBK)</a:t>
            </a:r>
            <a:endParaRPr lang="nb-NO" sz="1400" dirty="0"/>
          </a:p>
        </p:txBody>
      </p:sp>
      <p:pic>
        <p:nvPicPr>
          <p:cNvPr id="17" name="Content Placeholder 13" descr="A diagram of a house&#10;&#10;Description automatically generated">
            <a:extLst>
              <a:ext uri="{FF2B5EF4-FFF2-40B4-BE49-F238E27FC236}">
                <a16:creationId xmlns:a16="http://schemas.microsoft.com/office/drawing/2014/main" id="{C9C802A0-A1B9-ECD6-3357-077677D9CC5C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3"/>
          <a:srcRect l="21760" r="23079"/>
          <a:stretch/>
        </p:blipFill>
        <p:spPr>
          <a:xfrm>
            <a:off x="6745431" y="1860550"/>
            <a:ext cx="4035137" cy="3838575"/>
          </a:xfrm>
        </p:spPr>
      </p:pic>
    </p:spTree>
    <p:extLst>
      <p:ext uri="{BB962C8B-B14F-4D97-AF65-F5344CB8AC3E}">
        <p14:creationId xmlns:p14="http://schemas.microsoft.com/office/powerpoint/2010/main" val="297610784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DF58BB-D069-EE95-51B6-408C2DB258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Vi fokuserer på dette området</a:t>
            </a:r>
          </a:p>
        </p:txBody>
      </p:sp>
      <p:pic>
        <p:nvPicPr>
          <p:cNvPr id="5" name="Bilde 8" descr="Aerial view of a city&#10;&#10;Description automatically generated">
            <a:extLst>
              <a:ext uri="{FF2B5EF4-FFF2-40B4-BE49-F238E27FC236}">
                <a16:creationId xmlns:a16="http://schemas.microsoft.com/office/drawing/2014/main" id="{94A94C4A-2E4A-B2F7-7D4A-82A3656E513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2352040" y="1439863"/>
            <a:ext cx="7487920" cy="4679950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98998206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6" name="Rectangle 35">
            <a:extLst>
              <a:ext uri="{FF2B5EF4-FFF2-40B4-BE49-F238E27FC236}">
                <a16:creationId xmlns:a16="http://schemas.microsoft.com/office/drawing/2014/main" id="{896161BF-F05E-055B-D9C0-79C8A2A861F6}"/>
              </a:ext>
            </a:extLst>
          </p:cNvPr>
          <p:cNvSpPr/>
          <p:nvPr/>
        </p:nvSpPr>
        <p:spPr>
          <a:xfrm>
            <a:off x="7043980" y="1440000"/>
            <a:ext cx="4424766" cy="3869361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style>
          <a:lnRef idx="3">
            <a:schemeClr val="lt1"/>
          </a:lnRef>
          <a:fillRef idx="1">
            <a:schemeClr val="accent3"/>
          </a:fillRef>
          <a:effectRef idx="1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A3E47B2-CF9B-A56D-6FAD-868ED8805383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Et plankart og planbestemmelser som sier hvilken arealbruk er tillatt og hvilke krav følger med bruken. </a:t>
            </a:r>
            <a:r>
              <a:rPr lang="nb-NO" dirty="0">
                <a:solidFill>
                  <a:srgbClr val="B5A5A2"/>
                </a:solidFill>
              </a:rPr>
              <a:t>F. eks. 30 parkeringsplasser, 10% universelt utformede plasser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En planbeskrivelse som forklarer hvorfor planen er utformet som den er. </a:t>
            </a:r>
            <a:r>
              <a:rPr lang="nb-NO" dirty="0">
                <a:solidFill>
                  <a:srgbClr val="B5A5A2"/>
                </a:solidFill>
              </a:rPr>
              <a:t>Saklige innspill fra deg legges inn i dette dokumentet</a:t>
            </a:r>
            <a:r>
              <a:rPr lang="nb-NO" dirty="0"/>
              <a:t>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0DF58BB-D069-EE95-51B6-408C2DB258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a er en reguleringsplan?</a:t>
            </a:r>
          </a:p>
        </p:txBody>
      </p:sp>
      <p:graphicFrame>
        <p:nvGraphicFramePr>
          <p:cNvPr id="12" name="Content Placeholder 11">
            <a:extLst>
              <a:ext uri="{FF2B5EF4-FFF2-40B4-BE49-F238E27FC236}">
                <a16:creationId xmlns:a16="http://schemas.microsoft.com/office/drawing/2014/main" id="{5BFFC324-EDD0-2EC4-2A8D-BF8FA84B9353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1536881405"/>
              </p:ext>
            </p:extLst>
          </p:nvPr>
        </p:nvGraphicFramePr>
        <p:xfrm>
          <a:off x="7298758" y="2393614"/>
          <a:ext cx="1861518" cy="571500"/>
        </p:xfrm>
        <a:graphic>
          <a:graphicData uri="http://schemas.openxmlformats.org/drawingml/2006/table">
            <a:tbl>
              <a:tblPr/>
              <a:tblGrid>
                <a:gridCol w="1861518">
                  <a:extLst>
                    <a:ext uri="{9D8B030D-6E8A-4147-A177-3AD203B41FA5}">
                      <a16:colId xmlns:a16="http://schemas.microsoft.com/office/drawing/2014/main" val="3804553663"/>
                    </a:ext>
                  </a:extLst>
                </a:gridCol>
              </a:tblGrid>
              <a:tr h="190500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0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Veg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DCDC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29630549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0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ortau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CCCC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1334106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0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Gang/sykkelveg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FCCCC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66389129"/>
                  </a:ext>
                </a:extLst>
              </a:tr>
            </a:tbl>
          </a:graphicData>
        </a:graphic>
      </p:graphicFrame>
      <p:graphicFrame>
        <p:nvGraphicFramePr>
          <p:cNvPr id="14" name="Table 13">
            <a:extLst>
              <a:ext uri="{FF2B5EF4-FFF2-40B4-BE49-F238E27FC236}">
                <a16:creationId xmlns:a16="http://schemas.microsoft.com/office/drawing/2014/main" id="{E8C16326-A6F9-3550-273A-6540B06507E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756163664"/>
              </p:ext>
            </p:extLst>
          </p:nvPr>
        </p:nvGraphicFramePr>
        <p:xfrm>
          <a:off x="7298758" y="2965114"/>
          <a:ext cx="1861518" cy="600075"/>
        </p:xfrm>
        <a:graphic>
          <a:graphicData uri="http://schemas.openxmlformats.org/drawingml/2006/table">
            <a:tbl>
              <a:tblPr/>
              <a:tblGrid>
                <a:gridCol w="1861518">
                  <a:extLst>
                    <a:ext uri="{9D8B030D-6E8A-4147-A177-3AD203B41FA5}">
                      <a16:colId xmlns:a16="http://schemas.microsoft.com/office/drawing/2014/main" val="3647093291"/>
                    </a:ext>
                  </a:extLst>
                </a:gridCol>
              </a:tblGrid>
              <a:tr h="200025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0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Kollektivholdeplass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9966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39499625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0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Pendler- /innfartsparkering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CC9966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7512440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0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Parkering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BABABA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6737941"/>
                  </a:ext>
                </a:extLst>
              </a:tr>
            </a:tbl>
          </a:graphicData>
        </a:graphic>
      </p:graphicFrame>
      <p:graphicFrame>
        <p:nvGraphicFramePr>
          <p:cNvPr id="16" name="Table 15">
            <a:extLst>
              <a:ext uri="{FF2B5EF4-FFF2-40B4-BE49-F238E27FC236}">
                <a16:creationId xmlns:a16="http://schemas.microsoft.com/office/drawing/2014/main" id="{E555FBFD-A718-D0FD-8BD3-5EE50D76183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14797129"/>
              </p:ext>
            </p:extLst>
          </p:nvPr>
        </p:nvGraphicFramePr>
        <p:xfrm>
          <a:off x="7298758" y="3567638"/>
          <a:ext cx="1861518" cy="400050"/>
        </p:xfrm>
        <a:graphic>
          <a:graphicData uri="http://schemas.openxmlformats.org/drawingml/2006/table">
            <a:tbl>
              <a:tblPr/>
              <a:tblGrid>
                <a:gridCol w="1861518">
                  <a:extLst>
                    <a:ext uri="{9D8B030D-6E8A-4147-A177-3AD203B41FA5}">
                      <a16:colId xmlns:a16="http://schemas.microsoft.com/office/drawing/2014/main" val="3671526771"/>
                    </a:ext>
                  </a:extLst>
                </a:gridCol>
              </a:tblGrid>
              <a:tr h="200025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0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Kai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9CCCC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56067962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0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Molo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DEDEDE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33BEB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26135797"/>
                  </a:ext>
                </a:extLst>
              </a:tr>
            </a:tbl>
          </a:graphicData>
        </a:graphic>
      </p:graphicFrame>
      <p:graphicFrame>
        <p:nvGraphicFramePr>
          <p:cNvPr id="18" name="Table 17">
            <a:extLst>
              <a:ext uri="{FF2B5EF4-FFF2-40B4-BE49-F238E27FC236}">
                <a16:creationId xmlns:a16="http://schemas.microsoft.com/office/drawing/2014/main" id="{1B1E2E28-A235-87F7-2361-4283905EC15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57033297"/>
              </p:ext>
            </p:extLst>
          </p:nvPr>
        </p:nvGraphicFramePr>
        <p:xfrm>
          <a:off x="7298757" y="3967688"/>
          <a:ext cx="1861519" cy="1162050"/>
        </p:xfrm>
        <a:graphic>
          <a:graphicData uri="http://schemas.openxmlformats.org/drawingml/2006/table">
            <a:tbl>
              <a:tblPr/>
              <a:tblGrid>
                <a:gridCol w="1861519">
                  <a:extLst>
                    <a:ext uri="{9D8B030D-6E8A-4147-A177-3AD203B41FA5}">
                      <a16:colId xmlns:a16="http://schemas.microsoft.com/office/drawing/2014/main" val="1403328289"/>
                    </a:ext>
                  </a:extLst>
                </a:gridCol>
              </a:tblGrid>
              <a:tr h="200025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urdrag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99FF9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7003844"/>
                  </a:ext>
                </a:extLst>
              </a:tr>
              <a:tr h="200025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urveg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99FF9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2921918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Friområde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99FF9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10253751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Badeplass/ -område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99FF9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3136475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100" b="0" i="0" u="none" strike="noStrike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Park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99FF9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93036009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1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Vegetasjonsskjerm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99FF9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23880532"/>
                  </a:ext>
                </a:extLst>
              </a:tr>
            </a:tbl>
          </a:graphicData>
        </a:graphic>
      </p:graphicFrame>
      <p:grpSp>
        <p:nvGrpSpPr>
          <p:cNvPr id="27" name="Group 26">
            <a:extLst>
              <a:ext uri="{FF2B5EF4-FFF2-40B4-BE49-F238E27FC236}">
                <a16:creationId xmlns:a16="http://schemas.microsoft.com/office/drawing/2014/main" id="{378A2B91-781B-24F0-916E-51A2D33A615A}"/>
              </a:ext>
            </a:extLst>
          </p:cNvPr>
          <p:cNvGrpSpPr/>
          <p:nvPr/>
        </p:nvGrpSpPr>
        <p:grpSpPr>
          <a:xfrm>
            <a:off x="9457361" y="2698650"/>
            <a:ext cx="1861519" cy="463240"/>
            <a:chOff x="6734012" y="4176124"/>
            <a:chExt cx="1861519" cy="463240"/>
          </a:xfrm>
        </p:grpSpPr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224C1A36-BFE0-F210-B5D1-5E3D5D18122A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l="43682" r="3053"/>
            <a:stretch/>
          </p:blipFill>
          <p:spPr>
            <a:xfrm>
              <a:off x="6734012" y="4176124"/>
              <a:ext cx="976396" cy="463240"/>
            </a:xfrm>
            <a:prstGeom prst="rect">
              <a:avLst/>
            </a:prstGeom>
          </p:spPr>
        </p:pic>
        <p:pic>
          <p:nvPicPr>
            <p:cNvPr id="21" name="Picture 20">
              <a:extLst>
                <a:ext uri="{FF2B5EF4-FFF2-40B4-BE49-F238E27FC236}">
                  <a16:creationId xmlns:a16="http://schemas.microsoft.com/office/drawing/2014/main" id="{E19E51DA-1968-C6E5-87F8-20E9ED232DB3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/>
            <a:srcRect l="43682" r="6810"/>
            <a:stretch/>
          </p:blipFill>
          <p:spPr>
            <a:xfrm>
              <a:off x="7688018" y="4176124"/>
              <a:ext cx="907513" cy="463240"/>
            </a:xfrm>
            <a:prstGeom prst="rect">
              <a:avLst/>
            </a:prstGeom>
          </p:spPr>
        </p:pic>
      </p:grpSp>
      <p:sp>
        <p:nvSpPr>
          <p:cNvPr id="22" name="TextBox 21">
            <a:extLst>
              <a:ext uri="{FF2B5EF4-FFF2-40B4-BE49-F238E27FC236}">
                <a16:creationId xmlns:a16="http://schemas.microsoft.com/office/drawing/2014/main" id="{632C20E9-A041-5485-CBF9-A22D20404220}"/>
              </a:ext>
            </a:extLst>
          </p:cNvPr>
          <p:cNvSpPr txBox="1"/>
          <p:nvPr/>
        </p:nvSpPr>
        <p:spPr>
          <a:xfrm>
            <a:off x="9490278" y="2799465"/>
            <a:ext cx="1795684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1100" dirty="0">
                <a:highlight>
                  <a:srgbClr val="E8E3E3"/>
                </a:highlight>
              </a:rPr>
              <a:t>Faresone (flom, skred, mm.)</a:t>
            </a:r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F301F9C7-98A2-4E8D-8997-9BF6E10BA135}"/>
              </a:ext>
            </a:extLst>
          </p:cNvPr>
          <p:cNvGrpSpPr/>
          <p:nvPr/>
        </p:nvGrpSpPr>
        <p:grpSpPr>
          <a:xfrm rot="10800000" flipH="1">
            <a:off x="9479751" y="3161890"/>
            <a:ext cx="1861519" cy="463240"/>
            <a:chOff x="6756402" y="4639364"/>
            <a:chExt cx="1861519" cy="463240"/>
          </a:xfrm>
        </p:grpSpPr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4B545986-3A04-BB6D-CA41-7AED385D6A6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>
              <a:biLevel thresh="75000"/>
            </a:blip>
            <a:srcRect l="43682" r="3053"/>
            <a:stretch/>
          </p:blipFill>
          <p:spPr>
            <a:xfrm>
              <a:off x="6756402" y="4639364"/>
              <a:ext cx="976396" cy="463240"/>
            </a:xfrm>
            <a:prstGeom prst="rect">
              <a:avLst/>
            </a:prstGeom>
          </p:spPr>
        </p:pic>
        <p:pic>
          <p:nvPicPr>
            <p:cNvPr id="24" name="Picture 23">
              <a:extLst>
                <a:ext uri="{FF2B5EF4-FFF2-40B4-BE49-F238E27FC236}">
                  <a16:creationId xmlns:a16="http://schemas.microsoft.com/office/drawing/2014/main" id="{36C7B584-87D3-52D7-9033-DFD55686506C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>
              <a:biLevel thresh="75000"/>
            </a:blip>
            <a:srcRect l="43682" r="6810"/>
            <a:stretch/>
          </p:blipFill>
          <p:spPr>
            <a:xfrm>
              <a:off x="7710408" y="4639364"/>
              <a:ext cx="907513" cy="463240"/>
            </a:xfrm>
            <a:prstGeom prst="rect">
              <a:avLst/>
            </a:prstGeom>
          </p:spPr>
        </p:pic>
      </p:grpSp>
      <p:sp>
        <p:nvSpPr>
          <p:cNvPr id="25" name="TextBox 24">
            <a:extLst>
              <a:ext uri="{FF2B5EF4-FFF2-40B4-BE49-F238E27FC236}">
                <a16:creationId xmlns:a16="http://schemas.microsoft.com/office/drawing/2014/main" id="{CA0104CA-B0E4-A8E7-83B5-9F7A8E2BC58C}"/>
              </a:ext>
            </a:extLst>
          </p:cNvPr>
          <p:cNvSpPr txBox="1"/>
          <p:nvPr/>
        </p:nvSpPr>
        <p:spPr>
          <a:xfrm>
            <a:off x="9512668" y="3262705"/>
            <a:ext cx="1739579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1100" dirty="0">
                <a:highlight>
                  <a:srgbClr val="E8E3E3"/>
                </a:highlight>
              </a:rPr>
              <a:t>Sikringssone (byggeforbud)</a:t>
            </a:r>
          </a:p>
        </p:txBody>
      </p:sp>
      <p:grpSp>
        <p:nvGrpSpPr>
          <p:cNvPr id="28" name="Group 27">
            <a:extLst>
              <a:ext uri="{FF2B5EF4-FFF2-40B4-BE49-F238E27FC236}">
                <a16:creationId xmlns:a16="http://schemas.microsoft.com/office/drawing/2014/main" id="{6A31E848-0F89-9EAE-BBFB-0085473BFC60}"/>
              </a:ext>
            </a:extLst>
          </p:cNvPr>
          <p:cNvGrpSpPr/>
          <p:nvPr/>
        </p:nvGrpSpPr>
        <p:grpSpPr>
          <a:xfrm>
            <a:off x="9479750" y="3629080"/>
            <a:ext cx="1861519" cy="463240"/>
            <a:chOff x="6756402" y="4639364"/>
            <a:chExt cx="1861519" cy="463240"/>
          </a:xfrm>
        </p:grpSpPr>
        <p:pic>
          <p:nvPicPr>
            <p:cNvPr id="29" name="Picture 28">
              <a:extLst>
                <a:ext uri="{FF2B5EF4-FFF2-40B4-BE49-F238E27FC236}">
                  <a16:creationId xmlns:a16="http://schemas.microsoft.com/office/drawing/2014/main" id="{17268AF3-4FC7-94FE-74D9-E483097390D4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>
              <a:biLevel thresh="75000"/>
            </a:blip>
            <a:srcRect l="43682" r="3053"/>
            <a:stretch/>
          </p:blipFill>
          <p:spPr>
            <a:xfrm>
              <a:off x="6756402" y="4639364"/>
              <a:ext cx="976396" cy="463240"/>
            </a:xfrm>
            <a:prstGeom prst="rect">
              <a:avLst/>
            </a:prstGeom>
          </p:spPr>
        </p:pic>
        <p:pic>
          <p:nvPicPr>
            <p:cNvPr id="30" name="Picture 29">
              <a:extLst>
                <a:ext uri="{FF2B5EF4-FFF2-40B4-BE49-F238E27FC236}">
                  <a16:creationId xmlns:a16="http://schemas.microsoft.com/office/drawing/2014/main" id="{FD3FE843-0E0C-5B85-F94F-426335ECED6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>
              <a:biLevel thresh="75000"/>
            </a:blip>
            <a:srcRect l="43682" r="6810"/>
            <a:stretch/>
          </p:blipFill>
          <p:spPr>
            <a:xfrm>
              <a:off x="7710408" y="4639364"/>
              <a:ext cx="907513" cy="463240"/>
            </a:xfrm>
            <a:prstGeom prst="rect">
              <a:avLst/>
            </a:prstGeom>
          </p:spPr>
        </p:pic>
      </p:grpSp>
      <p:sp>
        <p:nvSpPr>
          <p:cNvPr id="31" name="TextBox 30">
            <a:extLst>
              <a:ext uri="{FF2B5EF4-FFF2-40B4-BE49-F238E27FC236}">
                <a16:creationId xmlns:a16="http://schemas.microsoft.com/office/drawing/2014/main" id="{AE225158-D991-6878-22B7-5B64A070A67C}"/>
              </a:ext>
            </a:extLst>
          </p:cNvPr>
          <p:cNvSpPr txBox="1"/>
          <p:nvPr/>
        </p:nvSpPr>
        <p:spPr>
          <a:xfrm>
            <a:off x="9427428" y="3729895"/>
            <a:ext cx="1954381" cy="2616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1100" dirty="0">
                <a:highlight>
                  <a:srgbClr val="E8E3E3"/>
                </a:highlight>
              </a:rPr>
              <a:t>Hensynsone (eldre kulturmiljø)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C0AAD03D-BE29-C5F4-09CB-619CB04FAD45}"/>
              </a:ext>
            </a:extLst>
          </p:cNvPr>
          <p:cNvSpPr txBox="1"/>
          <p:nvPr/>
        </p:nvSpPr>
        <p:spPr>
          <a:xfrm>
            <a:off x="7545902" y="1937356"/>
            <a:ext cx="1289264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dirty="0"/>
              <a:t>Arealformål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26E2D8C6-05CC-304C-7096-7622DF481F04}"/>
              </a:ext>
            </a:extLst>
          </p:cNvPr>
          <p:cNvSpPr txBox="1"/>
          <p:nvPr/>
        </p:nvSpPr>
        <p:spPr>
          <a:xfrm>
            <a:off x="9479751" y="1933407"/>
            <a:ext cx="173060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dirty="0"/>
              <a:t>Spesielle hensyn</a:t>
            </a: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1FA5BCDE-B2E3-35A7-DA51-4944AD8D1649}"/>
              </a:ext>
            </a:extLst>
          </p:cNvPr>
          <p:cNvSpPr txBox="1"/>
          <p:nvPr/>
        </p:nvSpPr>
        <p:spPr>
          <a:xfrm>
            <a:off x="7142656" y="1461841"/>
            <a:ext cx="98495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b="1" dirty="0">
                <a:solidFill>
                  <a:schemeClr val="accent3"/>
                </a:solidFill>
              </a:rPr>
              <a:t>Plankart</a:t>
            </a:r>
          </a:p>
        </p:txBody>
      </p:sp>
      <p:sp>
        <p:nvSpPr>
          <p:cNvPr id="40" name="Rectangle 39">
            <a:extLst>
              <a:ext uri="{FF2B5EF4-FFF2-40B4-BE49-F238E27FC236}">
                <a16:creationId xmlns:a16="http://schemas.microsoft.com/office/drawing/2014/main" id="{C4ACDF26-113A-C776-4DF9-72AD65255E7E}"/>
              </a:ext>
            </a:extLst>
          </p:cNvPr>
          <p:cNvSpPr/>
          <p:nvPr/>
        </p:nvSpPr>
        <p:spPr>
          <a:xfrm>
            <a:off x="7043980" y="5433992"/>
            <a:ext cx="4424766" cy="576737"/>
          </a:xfrm>
          <a:prstGeom prst="rect">
            <a:avLst/>
          </a:prstGeom>
          <a:noFill/>
          <a:ln>
            <a:solidFill>
              <a:schemeClr val="accent3"/>
            </a:solidFill>
          </a:ln>
        </p:spPr>
        <p:style>
          <a:lnRef idx="3">
            <a:schemeClr val="lt1"/>
          </a:lnRef>
          <a:fillRef idx="1">
            <a:schemeClr val="accent3"/>
          </a:fillRef>
          <a:effectRef idx="1">
            <a:schemeClr val="accent3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/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047FACA1-1FEB-2880-F6EA-F83B9E18755D}"/>
              </a:ext>
            </a:extLst>
          </p:cNvPr>
          <p:cNvSpPr txBox="1"/>
          <p:nvPr/>
        </p:nvSpPr>
        <p:spPr>
          <a:xfrm>
            <a:off x="7142656" y="5521054"/>
            <a:ext cx="1957011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b="1" dirty="0">
                <a:solidFill>
                  <a:schemeClr val="accent3"/>
                </a:solidFill>
              </a:rPr>
              <a:t>Planbestemmelser</a:t>
            </a:r>
          </a:p>
        </p:txBody>
      </p:sp>
    </p:spTree>
    <p:extLst>
      <p:ext uri="{BB962C8B-B14F-4D97-AF65-F5344CB8AC3E}">
        <p14:creationId xmlns:p14="http://schemas.microsoft.com/office/powerpoint/2010/main" val="20916906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0DF58BB-D069-EE95-51B6-408C2DB258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Eiendomsrett respekter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A3E47B2-CF9B-A56D-6FAD-868ED8805383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Planen bestemmer muligheter for videreutvikling, riving og endringer av en eiendom og gir </a:t>
            </a:r>
            <a:r>
              <a:rPr lang="nb-NO" u="sng" dirty="0"/>
              <a:t>mulighet</a:t>
            </a:r>
            <a:r>
              <a:rPr lang="nb-NO" dirty="0"/>
              <a:t> til å endre tomtegrens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Men for at noe skal bygges og eiendommer endres, må grunneieren være enig, uansett hva planen sier.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Forslagsstilleren kan kjøpe en rettighet og mer areal hvis grunneieren er enig. I de mest sjeldne tilfeller kan grunnen eksproprieres. </a:t>
            </a:r>
            <a:r>
              <a:rPr lang="nb-NO" dirty="0">
                <a:solidFill>
                  <a:srgbClr val="B5A5A2"/>
                </a:solidFill>
              </a:rPr>
              <a:t>Hovedeier: Fylkeskommune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>
              <a:solidFill>
                <a:srgbClr val="B5A5A2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dirty="0"/>
              <a:t>En grunneier kan fortsette å bruke og vedlikeholde eiendommen sin som før, selv om en vedtatt plan bestemmer en annen arealbruk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996906194"/>
      </p:ext>
    </p:extLst>
  </p:cSld>
  <p:clrMapOvr>
    <a:masterClrMapping/>
  </p:clrMapOvr>
</p:sld>
</file>

<file path=ppt/theme/theme1.xml><?xml version="1.0" encoding="utf-8"?>
<a:theme xmlns:a="http://schemas.openxmlformats.org/drawingml/2006/main" name="Multiconsult - Lyst tema">
  <a:themeElements>
    <a:clrScheme name="Multiconsult 1">
      <a:dk1>
        <a:srgbClr val="272E34"/>
      </a:dk1>
      <a:lt1>
        <a:srgbClr val="E8E3E2"/>
      </a:lt1>
      <a:dk2>
        <a:srgbClr val="EA8C27"/>
      </a:dk2>
      <a:lt2>
        <a:srgbClr val="FFFFFF"/>
      </a:lt2>
      <a:accent1>
        <a:srgbClr val="8EB1CA"/>
      </a:accent1>
      <a:accent2>
        <a:srgbClr val="385167"/>
      </a:accent2>
      <a:accent3>
        <a:srgbClr val="82B589"/>
      </a:accent3>
      <a:accent4>
        <a:srgbClr val="3E5E4E"/>
      </a:accent4>
      <a:accent5>
        <a:srgbClr val="B14F2F"/>
      </a:accent5>
      <a:accent6>
        <a:srgbClr val="602E2E"/>
      </a:accent6>
      <a:hlink>
        <a:srgbClr val="E98B27"/>
      </a:hlink>
      <a:folHlink>
        <a:srgbClr val="BE6910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Multiconsult-mal" id="{8FB3E29E-A622-FE41-ADBF-2C0277854B79}" vid="{FE27B2F2-5236-0142-896F-74F2972E6CC0}"/>
    </a:ext>
  </a:extLst>
</a:theme>
</file>

<file path=ppt/theme/theme2.xml><?xml version="1.0" encoding="utf-8"?>
<a:theme xmlns:a="http://schemas.openxmlformats.org/drawingml/2006/main" name="Multiconsult - Mørkt tema">
  <a:themeElements>
    <a:clrScheme name="Multiconsult">
      <a:dk1>
        <a:srgbClr val="272E34"/>
      </a:dk1>
      <a:lt1>
        <a:srgbClr val="E8E3E2"/>
      </a:lt1>
      <a:dk2>
        <a:srgbClr val="EA8C27"/>
      </a:dk2>
      <a:lt2>
        <a:srgbClr val="FFFFFF"/>
      </a:lt2>
      <a:accent1>
        <a:srgbClr val="000000"/>
      </a:accent1>
      <a:accent2>
        <a:srgbClr val="E8E2E1"/>
      </a:accent2>
      <a:accent3>
        <a:srgbClr val="E98B27"/>
      </a:accent3>
      <a:accent4>
        <a:srgbClr val="FFFFFF"/>
      </a:accent4>
      <a:accent5>
        <a:srgbClr val="E98B27"/>
      </a:accent5>
      <a:accent6>
        <a:srgbClr val="C6BCB7"/>
      </a:accent6>
      <a:hlink>
        <a:srgbClr val="E98B27"/>
      </a:hlink>
      <a:folHlink>
        <a:srgbClr val="BE6910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 2013 - 2022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-tema 2013 – 2022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 2013 - 2022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8B8D5A24033D74AA79967345F34A843" ma:contentTypeVersion="13" ma:contentTypeDescription="Create a new document." ma:contentTypeScope="" ma:versionID="f0ba101c831eb8f1727abfb34a0aab9a">
  <xsd:schema xmlns:xsd="http://www.w3.org/2001/XMLSchema" xmlns:xs="http://www.w3.org/2001/XMLSchema" xmlns:p="http://schemas.microsoft.com/office/2006/metadata/properties" xmlns:ns2="76e3e356-1866-4b86-9863-e25bd04261e4" xmlns:ns3="880c3dcd-532f-4c1b-a88e-5528a7201789" targetNamespace="http://schemas.microsoft.com/office/2006/metadata/properties" ma:root="true" ma:fieldsID="dfa3afe840ba73814a6e4795c6dbfe89" ns2:_="" ns3:_="">
    <xsd:import namespace="76e3e356-1866-4b86-9863-e25bd04261e4"/>
    <xsd:import namespace="880c3dcd-532f-4c1b-a88e-5528a720178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e3e356-1866-4b86-9863-e25bd04261e4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Image Tags" ma:readOnly="false" ma:fieldId="{5cf76f15-5ced-4ddc-b409-7134ff3c332f}" ma:taxonomyMulti="true" ma:sspId="f4ba9a48-f64b-4d75-aa4f-faf7b0841fb9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80c3dcd-532f-4c1b-a88e-5528a7201789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019f19fc-f73e-4561-a4e9-a78fc692316e}" ma:internalName="TaxCatchAll" ma:showField="CatchAllData" ma:web="880c3dcd-532f-4c1b-a88e-5528a7201789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76e3e356-1866-4b86-9863-e25bd04261e4">
      <Terms xmlns="http://schemas.microsoft.com/office/infopath/2007/PartnerControls"/>
    </lcf76f155ced4ddcb4097134ff3c332f>
    <TaxCatchAll xmlns="880c3dcd-532f-4c1b-a88e-5528a7201789" xsi:nil="true"/>
  </documentManagement>
</p:properties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TemplateConfiguration><![CDATA[{"elementsMetadata":[],"transformationConfigurations":[],"templateName":"00 Blank slide (NY)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CE06253A-1F38-4C2B-AB45-9FD6778942C2}">
  <ds:schemaRefs/>
</ds:datastoreItem>
</file>

<file path=customXml/itemProps2.xml><?xml version="1.0" encoding="utf-8"?>
<ds:datastoreItem xmlns:ds="http://schemas.openxmlformats.org/officeDocument/2006/customXml" ds:itemID="{3924AC99-C258-4051-9E6A-F7827E32BD81}"/>
</file>

<file path=customXml/itemProps3.xml><?xml version="1.0" encoding="utf-8"?>
<ds:datastoreItem xmlns:ds="http://schemas.openxmlformats.org/officeDocument/2006/customXml" ds:itemID="{7A1697DA-00B4-4710-B640-51DE08F41C3A}">
  <ds:schemaRefs>
    <ds:schemaRef ds:uri="http://schemas.microsoft.com/office/2006/metadata/properties"/>
    <ds:schemaRef ds:uri="http://schemas.microsoft.com/office/infopath/2007/PartnerControls"/>
    <ds:schemaRef ds:uri="b2a86460-399c-4f26-97f0-37939d4a7b6c"/>
    <ds:schemaRef ds:uri="afdfb257-4059-4108-aba9-9c1d05b1ef0a"/>
  </ds:schemaRefs>
</ds:datastoreItem>
</file>

<file path=customXml/itemProps4.xml><?xml version="1.0" encoding="utf-8"?>
<ds:datastoreItem xmlns:ds="http://schemas.openxmlformats.org/officeDocument/2006/customXml" ds:itemID="{C2225D99-66E2-4DDA-AC74-0938D2BD60B9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1595D175-1033-49FF-89D5-046C61A352C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Multiconsult-mal_potx</Template>
  <TotalTime>4088</TotalTime>
  <Words>897</Words>
  <Application>Microsoft Office PowerPoint</Application>
  <PresentationFormat>Widescreen</PresentationFormat>
  <Paragraphs>122</Paragraphs>
  <Slides>2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22</vt:i4>
      </vt:variant>
    </vt:vector>
  </HeadingPairs>
  <TitlesOfParts>
    <vt:vector size="26" baseType="lpstr">
      <vt:lpstr>Arial</vt:lpstr>
      <vt:lpstr>Calibri</vt:lpstr>
      <vt:lpstr>Multiconsult - Lyst tema</vt:lpstr>
      <vt:lpstr>Multiconsult - Mørkt tema</vt:lpstr>
      <vt:lpstr>Folkemøte</vt:lpstr>
      <vt:lpstr>Agenda</vt:lpstr>
      <vt:lpstr>Velkommen!</vt:lpstr>
      <vt:lpstr>Hvorfor en reguleringsplan og et folkemøte?</vt:lpstr>
      <vt:lpstr>Vi har et konkret behov</vt:lpstr>
      <vt:lpstr>Endringene vil påvirke mange innbyggere</vt:lpstr>
      <vt:lpstr>Vi fokuserer på dette området</vt:lpstr>
      <vt:lpstr>Hva er en reguleringsplan?</vt:lpstr>
      <vt:lpstr>Eiendomsrett respekteres</vt:lpstr>
      <vt:lpstr>En åpen og demokratisk prosess styrt av kommune</vt:lpstr>
      <vt:lpstr>Hvordan påvirker innspillet ditt planen?</vt:lpstr>
      <vt:lpstr>La oss komme i gang!</vt:lpstr>
      <vt:lpstr>Hvilke stemmer mangler vi i dag?</vt:lpstr>
      <vt:lpstr>Fortell oss om dine reiser i Vanvikan</vt:lpstr>
      <vt:lpstr>Hvilke trafikkproblemer opplever du i Vanvikan?</vt:lpstr>
      <vt:lpstr>Tid for en kaffepause?</vt:lpstr>
      <vt:lpstr>Gruppearbeid</vt:lpstr>
      <vt:lpstr>Hva ønsker du eller savner du i Vanvikan?</vt:lpstr>
      <vt:lpstr>Hva skjer videre?</vt:lpstr>
      <vt:lpstr>Planprosessen</vt:lpstr>
      <vt:lpstr>Har du spørsmål eller innspill?</vt:lpstr>
      <vt:lpstr>Tusen takk for at du deltok i dag!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nstruksjoner for bruk av mal</dc:title>
  <dc:creator>Johansen, Birgitte Refsnes</dc:creator>
  <cp:lastModifiedBy>Kevin Sanouiller</cp:lastModifiedBy>
  <cp:revision>66</cp:revision>
  <dcterms:created xsi:type="dcterms:W3CDTF">2024-04-09T11:32:16Z</dcterms:created>
  <dcterms:modified xsi:type="dcterms:W3CDTF">2024-04-10T15:31:5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C8B8D5A24033D74AA79967345F34A843</vt:lpwstr>
  </property>
  <property fmtid="{D5CDD505-2E9C-101B-9397-08002B2CF9AE}" pid="3" name="TemplafyTimeStamp">
    <vt:lpwstr>2024-04-05T11:38:02</vt:lpwstr>
  </property>
  <property fmtid="{D5CDD505-2E9C-101B-9397-08002B2CF9AE}" pid="4" name="TemplafyTenantId">
    <vt:lpwstr>multiconsult</vt:lpwstr>
  </property>
  <property fmtid="{D5CDD505-2E9C-101B-9397-08002B2CF9AE}" pid="5" name="TemplafyTemplateId">
    <vt:lpwstr>883542470738052689</vt:lpwstr>
  </property>
  <property fmtid="{D5CDD505-2E9C-101B-9397-08002B2CF9AE}" pid="6" name="TemplafyUserProfileId">
    <vt:lpwstr>637757565863601227</vt:lpwstr>
  </property>
  <property fmtid="{D5CDD505-2E9C-101B-9397-08002B2CF9AE}" pid="7" name="TemplafyLanguageCode">
    <vt:lpwstr>nb-NO</vt:lpwstr>
  </property>
  <property fmtid="{D5CDD505-2E9C-101B-9397-08002B2CF9AE}" pid="8" name="TemplafyFromBlank">
    <vt:bool>true</vt:bool>
  </property>
</Properties>
</file>